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5" rupBuild="28827"/>
  <workbookPr/>
  <mc:AlternateContent xmlns:mc="http://schemas.openxmlformats.org/markup-compatibility/2006">
    <mc:Choice Requires="x15">
      <x15ac:absPath xmlns:x15ac="http://schemas.microsoft.com/office/spreadsheetml/2010/11/ac" url="C:\Users\chris.alston\Downloads\"/>
    </mc:Choice>
  </mc:AlternateContent>
  <xr:revisionPtr revIDLastSave="0" documentId="13_ncr:1_{1CCB609B-E86E-49D2-9CBE-307239520228}" xr6:coauthVersionLast="47" xr6:coauthVersionMax="47" xr10:uidLastSave="{00000000-0000-0000-0000-000000000000}"/>
  <bookViews>
    <workbookView xWindow="2730" yWindow="1890" windowWidth="22320" windowHeight="14310" xr2:uid="{00000000-000D-0000-FFFF-FFFF00000000}"/>
  </bookViews>
  <sheets>
    <sheet name="About" sheetId="1" r:id="rId1"/>
    <sheet name="Contents" sheetId="4" r:id="rId2"/>
    <sheet name="Figure 1.1 (left panel)" sheetId="5" r:id="rId3"/>
    <sheet name="Figure 1.1 (right panel)" sheetId="6" r:id="rId4"/>
    <sheet name="Figure 1.2" sheetId="7" r:id="rId5"/>
    <sheet name="Figure 1.4" sheetId="8" r:id="rId6"/>
    <sheet name="Figure B.1" sheetId="9" r:id="rId7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78" uniqueCount="76">
  <si>
    <t>About this workbook</t>
  </si>
  <si>
    <t>This Excel workbook contains data underlying charts in the Productivity Commission's interim report on Creating a more dynamic and resilient economy</t>
  </si>
  <si>
    <r>
      <t xml:space="preserve">The </t>
    </r>
    <r>
      <rPr>
        <b/>
        <sz val="10"/>
        <color theme="1"/>
        <rFont val="Arial"/>
        <family val="2"/>
      </rPr>
      <t>Contents</t>
    </r>
    <r>
      <rPr>
        <sz val="10"/>
        <color theme="1"/>
        <rFont val="Arial"/>
        <family val="2"/>
      </rPr>
      <t xml:space="preserve"> worksheet links to the data for each chart.</t>
    </r>
  </si>
  <si>
    <t xml:space="preserve">The report is available from: </t>
  </si>
  <si>
    <t>Contents</t>
  </si>
  <si>
    <t>Figure no</t>
  </si>
  <si>
    <t>Title</t>
  </si>
  <si>
    <t>Figure 1.1 (left hand panel)</t>
  </si>
  <si>
    <t>Investment is down, and therefore capital deepening is down</t>
  </si>
  <si>
    <t>Figure 1.1 (right hand panel)</t>
  </si>
  <si>
    <t>Figure 1.2</t>
  </si>
  <si>
    <t>International distribution of statutory rates by decade, 1980–2024</t>
  </si>
  <si>
    <t>Figure 1.4</t>
  </si>
  <si>
    <t>The proposed reform will move Australia to one of the lowest statutory rates in the OECD for small and medium sized companies</t>
  </si>
  <si>
    <t>Figure B.1</t>
  </si>
  <si>
    <t>Indicative percentage of firms with substantive foreign ownership</t>
  </si>
  <si>
    <t>Figure 1.1 - Investment is down, and therefore capital deepening is down (left panel)</t>
  </si>
  <si>
    <t>Year</t>
  </si>
  <si>
    <t>Private investment as a share of GDP (incl. mining)</t>
  </si>
  <si>
    <t>Private investment as a share of GDP (excl. mining)</t>
  </si>
  <si>
    <t>Figure 1.1 - Investment is down, and therefore capital deepening is down (right panel)</t>
  </si>
  <si>
    <t>Labour productivity</t>
  </si>
  <si>
    <t>Multifactor productivity</t>
  </si>
  <si>
    <t>Figure 1.2 - International distribution of statutory rates by decade, 1980–2024</t>
  </si>
  <si>
    <t>Tax rate</t>
  </si>
  <si>
    <t>Average (%)</t>
  </si>
  <si>
    <t>Figure 1.4 - The proposed reform will move Australia to one of the lowest statutory rates in the OECD for small and medium sized companies</t>
  </si>
  <si>
    <t>Country</t>
  </si>
  <si>
    <t>Top Marginal Corporate Tax Rate</t>
  </si>
  <si>
    <t>Hungary</t>
  </si>
  <si>
    <t>Ireland</t>
  </si>
  <si>
    <t>Lithuania</t>
  </si>
  <si>
    <t>Poland</t>
  </si>
  <si>
    <t>Switzerland</t>
  </si>
  <si>
    <t>Australia (proposed)</t>
  </si>
  <si>
    <t>Estonia</t>
  </si>
  <si>
    <t>Finland</t>
  </si>
  <si>
    <t>Latvia</t>
  </si>
  <si>
    <t>Sweden</t>
  </si>
  <si>
    <t>Czechia</t>
  </si>
  <si>
    <t>Iceland</t>
  </si>
  <si>
    <t>Slovakia</t>
  </si>
  <si>
    <t>Denmark</t>
  </si>
  <si>
    <t>Greece</t>
  </si>
  <si>
    <t>Norway</t>
  </si>
  <si>
    <t>Slovenia</t>
  </si>
  <si>
    <t>Austria</t>
  </si>
  <si>
    <t>Israel</t>
  </si>
  <si>
    <t>OECD mean</t>
  </si>
  <si>
    <t>Luxembourg</t>
  </si>
  <si>
    <t>Belgium</t>
  </si>
  <si>
    <t>Spain</t>
  </si>
  <si>
    <t>Türkiye</t>
  </si>
  <si>
    <t>United Kingdom</t>
  </si>
  <si>
    <t>United States</t>
  </si>
  <si>
    <t>France</t>
  </si>
  <si>
    <t>Netherlands</t>
  </si>
  <si>
    <t>Canada</t>
  </si>
  <si>
    <t>Republic of Korea</t>
  </si>
  <si>
    <t>Chile</t>
  </si>
  <si>
    <t>Italy</t>
  </si>
  <si>
    <t>New Zealand</t>
  </si>
  <si>
    <t>Japan</t>
  </si>
  <si>
    <t>Germany</t>
  </si>
  <si>
    <t>Australia (current)</t>
  </si>
  <si>
    <t>Costa Rica</t>
  </si>
  <si>
    <t>Mexico</t>
  </si>
  <si>
    <t>Portugal</t>
  </si>
  <si>
    <t>Colombia</t>
  </si>
  <si>
    <t>Figure B.1 - Indicative percentage of firms with substantive foreign ownership</t>
  </si>
  <si>
    <t>Revenue</t>
  </si>
  <si>
    <t>Percentage of firms in 2021-22 (%)</t>
  </si>
  <si>
    <t>up to $50m</t>
  </si>
  <si>
    <t>$50m to $1b</t>
  </si>
  <si>
    <t>more than $1b</t>
  </si>
  <si>
    <t>https://www.pc.gov.au/inquiries/current/resilient-economy/interim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164" formatCode="0.0%"/>
    <numFmt numFmtId="165" formatCode="&quot;$&quot;#,##0"/>
  </numFmts>
  <fonts count="10" x14ac:knownFonts="1">
    <font>
      <sz val="10"/>
      <color theme="1"/>
      <name val="Arial"/>
      <family val="2"/>
    </font>
    <font>
      <sz val="11"/>
      <color theme="1"/>
      <name val="Arial"/>
      <family val="2"/>
      <scheme val="minor"/>
    </font>
    <font>
      <b/>
      <sz val="10"/>
      <color theme="1"/>
      <name val="Arial"/>
      <family val="2"/>
    </font>
    <font>
      <b/>
      <sz val="12"/>
      <color theme="1"/>
      <name val="Arial"/>
      <family val="2"/>
    </font>
    <font>
      <i/>
      <sz val="10"/>
      <color theme="1"/>
      <name val="Arial"/>
      <family val="2"/>
    </font>
    <font>
      <u/>
      <sz val="10"/>
      <color theme="10"/>
      <name val="Arial"/>
      <family val="2"/>
    </font>
    <font>
      <sz val="10"/>
      <color theme="1"/>
      <name val="Arial"/>
      <family val="2"/>
    </font>
    <font>
      <sz val="10"/>
      <color theme="1"/>
      <name val="Arial"/>
      <family val="2"/>
      <scheme val="major"/>
    </font>
    <font>
      <sz val="10"/>
      <color theme="1"/>
      <name val="Arial"/>
      <family val="2"/>
      <scheme val="minor"/>
    </font>
    <font>
      <b/>
      <sz val="10"/>
      <color theme="1"/>
      <name val="Arial"/>
      <family val="2"/>
      <scheme val="major"/>
    </font>
  </fonts>
  <fills count="2">
    <fill>
      <patternFill patternType="none"/>
    </fill>
    <fill>
      <patternFill patternType="gray125"/>
    </fill>
  </fills>
  <borders count="3">
    <border>
      <left/>
      <right/>
      <top/>
      <bottom/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/>
      <top/>
      <bottom style="thin">
        <color indexed="64"/>
      </bottom>
      <diagonal/>
    </border>
  </borders>
  <cellStyleXfs count="6">
    <xf numFmtId="0" fontId="0" fillId="0" borderId="0"/>
    <xf numFmtId="0" fontId="5" fillId="0" borderId="0" applyNumberFormat="0" applyFill="0" applyBorder="0" applyAlignment="0" applyProtection="0"/>
    <xf numFmtId="9" fontId="6" fillId="0" borderId="0" applyFont="0" applyFill="0" applyBorder="0" applyAlignment="0" applyProtection="0"/>
    <xf numFmtId="0" fontId="1" fillId="0" borderId="0"/>
    <xf numFmtId="9" fontId="1" fillId="0" borderId="0" applyFont="0" applyFill="0" applyBorder="0" applyAlignment="0" applyProtection="0"/>
    <xf numFmtId="0" fontId="1" fillId="0" borderId="0"/>
  </cellStyleXfs>
  <cellXfs count="29">
    <xf numFmtId="0" fontId="0" fillId="0" borderId="0" xfId="0"/>
    <xf numFmtId="0" fontId="2" fillId="0" borderId="0" xfId="0" applyFont="1"/>
    <xf numFmtId="0" fontId="3" fillId="0" borderId="0" xfId="0" applyFont="1"/>
    <xf numFmtId="0" fontId="7" fillId="0" borderId="0" xfId="0" applyFont="1"/>
    <xf numFmtId="0" fontId="8" fillId="0" borderId="1" xfId="3" applyFont="1" applyBorder="1"/>
    <xf numFmtId="0" fontId="8" fillId="0" borderId="1" xfId="3" applyFont="1" applyBorder="1" applyAlignment="1">
      <alignment wrapText="1"/>
    </xf>
    <xf numFmtId="0" fontId="1" fillId="0" borderId="0" xfId="3"/>
    <xf numFmtId="0" fontId="8" fillId="0" borderId="0" xfId="3" applyFont="1"/>
    <xf numFmtId="164" fontId="8" fillId="0" borderId="0" xfId="4" applyNumberFormat="1" applyFont="1"/>
    <xf numFmtId="165" fontId="1" fillId="0" borderId="0" xfId="4" applyNumberFormat="1" applyFont="1"/>
    <xf numFmtId="4" fontId="8" fillId="0" borderId="0" xfId="4" applyNumberFormat="1" applyFont="1"/>
    <xf numFmtId="4" fontId="0" fillId="0" borderId="0" xfId="0" applyNumberFormat="1"/>
    <xf numFmtId="0" fontId="0" fillId="0" borderId="1" xfId="0" applyBorder="1"/>
    <xf numFmtId="9" fontId="6" fillId="0" borderId="0" xfId="2" applyFont="1"/>
    <xf numFmtId="9" fontId="6" fillId="0" borderId="2" xfId="2" applyFont="1" applyBorder="1"/>
    <xf numFmtId="0" fontId="0" fillId="0" borderId="2" xfId="0" applyBorder="1"/>
    <xf numFmtId="0" fontId="2" fillId="0" borderId="1" xfId="0" applyFont="1" applyBorder="1" applyAlignment="1">
      <alignment horizontal="right"/>
    </xf>
    <xf numFmtId="4" fontId="0" fillId="0" borderId="1" xfId="0" applyNumberFormat="1" applyBorder="1"/>
    <xf numFmtId="0" fontId="8" fillId="0" borderId="1" xfId="5" applyFont="1" applyBorder="1"/>
    <xf numFmtId="0" fontId="8" fillId="0" borderId="1" xfId="5" applyFont="1" applyBorder="1" applyAlignment="1">
      <alignment wrapText="1"/>
    </xf>
    <xf numFmtId="0" fontId="8" fillId="0" borderId="0" xfId="5" applyFont="1"/>
    <xf numFmtId="9" fontId="8" fillId="0" borderId="0" xfId="5" applyNumberFormat="1" applyFont="1"/>
    <xf numFmtId="0" fontId="8" fillId="0" borderId="0" xfId="5" applyFont="1" applyAlignment="1">
      <alignment wrapText="1"/>
    </xf>
    <xf numFmtId="164" fontId="8" fillId="0" borderId="0" xfId="4" applyNumberFormat="1" applyFont="1" applyFill="1"/>
    <xf numFmtId="164" fontId="1" fillId="0" borderId="0" xfId="3" applyNumberFormat="1"/>
    <xf numFmtId="164" fontId="1" fillId="0" borderId="0" xfId="4" applyNumberFormat="1" applyFont="1"/>
    <xf numFmtId="0" fontId="4" fillId="0" borderId="0" xfId="0" applyFont="1"/>
    <xf numFmtId="0" fontId="9" fillId="0" borderId="0" xfId="0" applyFont="1"/>
    <xf numFmtId="0" fontId="5" fillId="0" borderId="0" xfId="1" applyFill="1"/>
  </cellXfs>
  <cellStyles count="6">
    <cellStyle name="Hyperlink" xfId="1" builtinId="8"/>
    <cellStyle name="Normal" xfId="0" builtinId="0"/>
    <cellStyle name="Normal 12" xfId="3" xr:uid="{437DBC8D-BBED-452A-BA52-E63D559A0817}"/>
    <cellStyle name="Normal 8" xfId="5" xr:uid="{95820D78-4391-4F64-85D4-F6CF3AFE79A9}"/>
    <cellStyle name="Percent" xfId="2" builtinId="5"/>
    <cellStyle name="Percent 3" xfId="4" xr:uid="{D534C50D-C356-4705-B7D9-34A6EBE0AEFD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13" Type="http://schemas.openxmlformats.org/officeDocument/2006/relationships/customXml" Target="../customXml/item3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customXml" Target="../customXml/item1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5.xml"/><Relationship Id="rId10" Type="http://schemas.openxmlformats.org/officeDocument/2006/relationships/sharedStrings" Target="sharedStrings.xml"/><Relationship Id="rId4" Type="http://schemas.openxmlformats.org/officeDocument/2006/relationships/worksheet" Target="worksheets/sheet4.xml"/><Relationship Id="rId9" Type="http://schemas.openxmlformats.org/officeDocument/2006/relationships/styles" Target="styles.xml"/><Relationship Id="rId14" Type="http://schemas.openxmlformats.org/officeDocument/2006/relationships/customXml" Target="../customXml/item4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0</xdr:col>
      <xdr:colOff>104775</xdr:colOff>
      <xdr:row>0</xdr:row>
      <xdr:rowOff>161925</xdr:rowOff>
    </xdr:from>
    <xdr:to>
      <xdr:col>2</xdr:col>
      <xdr:colOff>397386</xdr:colOff>
      <xdr:row>0</xdr:row>
      <xdr:rowOff>527686</xdr:rowOff>
    </xdr:to>
    <xdr:pic>
      <xdr:nvPicPr>
        <xdr:cNvPr id="4" name="Picture 3" descr="Australian Government Productvity Commission logo">
          <a:extLst>
            <a:ext uri="{FF2B5EF4-FFF2-40B4-BE49-F238E27FC236}">
              <a16:creationId xmlns:a16="http://schemas.microsoft.com/office/drawing/2014/main" id="{F61E1EB3-77B5-46D9-B219-2DC349D2A1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04775" y="161925"/>
          <a:ext cx="1511811" cy="365761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ProdCommTheme-new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drawing" Target="../drawings/drawing1.xml"/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s://www.pc.gov.au/inquiries/current/resilient-economy/interim" TargetMode="External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tabColor theme="2"/>
  </sheetPr>
  <dimension ref="A1:D8"/>
  <sheetViews>
    <sheetView showGridLines="0" tabSelected="1" workbookViewId="0"/>
  </sheetViews>
  <sheetFormatPr defaultRowHeight="12.75" x14ac:dyDescent="0.2"/>
  <sheetData>
    <row r="1" spans="1:4" ht="54.75" customHeight="1" x14ac:dyDescent="0.2"/>
    <row r="2" spans="1:4" ht="15.75" x14ac:dyDescent="0.25">
      <c r="A2" s="2" t="s">
        <v>0</v>
      </c>
    </row>
    <row r="3" spans="1:4" ht="15.75" x14ac:dyDescent="0.25">
      <c r="A3" s="2"/>
    </row>
    <row r="4" spans="1:4" x14ac:dyDescent="0.2">
      <c r="A4" s="3" t="s">
        <v>1</v>
      </c>
    </row>
    <row r="6" spans="1:4" x14ac:dyDescent="0.2">
      <c r="A6" t="s">
        <v>2</v>
      </c>
    </row>
    <row r="8" spans="1:4" x14ac:dyDescent="0.2">
      <c r="A8" t="s">
        <v>3</v>
      </c>
      <c r="D8" s="28" t="s">
        <v>75</v>
      </c>
    </row>
  </sheetData>
  <hyperlinks>
    <hyperlink ref="D8" r:id="rId1" xr:uid="{CD3E2D0F-FE05-46A4-8D34-977F997F0E14}"/>
  </hyperlinks>
  <pageMargins left="0.7" right="0.7" top="0.75" bottom="0.75" header="0.3" footer="0.3"/>
  <pageSetup paperSize="9" orientation="portrait" r:id="rId2"/>
  <drawing r:id="rId3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103277C-7EA0-4C9D-B7FB-0186E4D75225}">
  <sheetPr>
    <tabColor theme="2" tint="0.79998168889431442"/>
  </sheetPr>
  <dimension ref="A1:C9"/>
  <sheetViews>
    <sheetView showGridLines="0" workbookViewId="0"/>
  </sheetViews>
  <sheetFormatPr defaultRowHeight="12.75" x14ac:dyDescent="0.2"/>
  <cols>
    <col min="1" max="1" width="24.5703125" bestFit="1" customWidth="1"/>
    <col min="2" max="2" width="110.28515625" bestFit="1" customWidth="1"/>
  </cols>
  <sheetData>
    <row r="1" spans="1:3" ht="15.75" x14ac:dyDescent="0.25">
      <c r="A1" s="2" t="s">
        <v>4</v>
      </c>
    </row>
    <row r="2" spans="1:3" x14ac:dyDescent="0.2">
      <c r="A2" s="26"/>
      <c r="B2" s="26"/>
      <c r="C2" s="26"/>
    </row>
    <row r="4" spans="1:3" x14ac:dyDescent="0.2">
      <c r="A4" s="27" t="s">
        <v>5</v>
      </c>
      <c r="B4" s="27" t="s">
        <v>6</v>
      </c>
    </row>
    <row r="5" spans="1:3" x14ac:dyDescent="0.2">
      <c r="A5" s="28" t="s">
        <v>7</v>
      </c>
      <c r="B5" s="3" t="s">
        <v>8</v>
      </c>
    </row>
    <row r="6" spans="1:3" x14ac:dyDescent="0.2">
      <c r="A6" s="28" t="s">
        <v>9</v>
      </c>
      <c r="B6" s="3" t="s">
        <v>8</v>
      </c>
    </row>
    <row r="7" spans="1:3" x14ac:dyDescent="0.2">
      <c r="A7" s="28" t="s">
        <v>10</v>
      </c>
      <c r="B7" s="3" t="s">
        <v>11</v>
      </c>
    </row>
    <row r="8" spans="1:3" x14ac:dyDescent="0.2">
      <c r="A8" s="28" t="s">
        <v>12</v>
      </c>
      <c r="B8" s="3" t="s">
        <v>13</v>
      </c>
    </row>
    <row r="9" spans="1:3" x14ac:dyDescent="0.2">
      <c r="A9" s="28" t="s">
        <v>14</v>
      </c>
      <c r="B9" s="3" t="s">
        <v>15</v>
      </c>
    </row>
  </sheetData>
  <hyperlinks>
    <hyperlink ref="A7" location="'Figure 1.2'!A1" display="Figure 1.2" xr:uid="{FD8EB5DC-3AF6-41EC-90CA-24D5EFB6F578}"/>
    <hyperlink ref="A5" location="'Figure 1.1 (left panel)'!A1" display="Figure 1.1 (left hand panel)" xr:uid="{0ABED3E7-F78E-49D4-BDBB-A446A5FF9428}"/>
    <hyperlink ref="A8" location="'Figure 1.4'!A1" display="Figure 1.4" xr:uid="{CB4BFF52-9C49-4E0C-B5C9-28E0E414D7C1}"/>
    <hyperlink ref="A9" location="'Figure B.1'!A1" display="Figure B.1" xr:uid="{756097D1-13FB-42C9-A9D5-ED0507E33BED}"/>
    <hyperlink ref="A6" location="'Figure 1.1 (right panel)'!A1" display="Figure 1.1 (right hand panel)" xr:uid="{3FE3D38C-CD69-47E0-9FE6-21CC7A5384E8}"/>
  </hyperlinks>
  <pageMargins left="0.7" right="0.7" top="0.75" bottom="0.75" header="0.3" footer="0.3"/>
  <pageSetup paperSize="9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BCB80FE-EE9C-4C60-969E-D80DB16A6D8F}">
  <dimension ref="A1:I38"/>
  <sheetViews>
    <sheetView showGridLines="0" workbookViewId="0"/>
  </sheetViews>
  <sheetFormatPr defaultRowHeight="12.75" x14ac:dyDescent="0.2"/>
  <cols>
    <col min="1" max="1" width="15.140625" customWidth="1"/>
    <col min="2" max="3" width="25.7109375" customWidth="1"/>
    <col min="4" max="4" width="11" bestFit="1" customWidth="1"/>
    <col min="5" max="5" width="16.140625" customWidth="1"/>
    <col min="6" max="6" width="47.42578125" bestFit="1" customWidth="1"/>
    <col min="7" max="7" width="30.42578125" bestFit="1" customWidth="1"/>
  </cols>
  <sheetData>
    <row r="1" spans="1:9" ht="15.75" x14ac:dyDescent="0.25">
      <c r="A1" s="1" t="s">
        <v>16</v>
      </c>
      <c r="B1" s="2"/>
    </row>
    <row r="3" spans="1:9" ht="25.5" x14ac:dyDescent="0.2">
      <c r="A3" s="4" t="s">
        <v>17</v>
      </c>
      <c r="B3" s="5" t="s">
        <v>18</v>
      </c>
      <c r="C3" s="5" t="s">
        <v>19</v>
      </c>
      <c r="D3" s="6"/>
      <c r="E3" s="6"/>
      <c r="H3" s="6"/>
      <c r="I3" s="6"/>
    </row>
    <row r="4" spans="1:9" ht="14.25" x14ac:dyDescent="0.2">
      <c r="A4" s="7">
        <v>1990</v>
      </c>
      <c r="B4" s="8">
        <v>0.158</v>
      </c>
      <c r="C4" s="8">
        <v>0.14099999999999999</v>
      </c>
      <c r="D4" s="6"/>
      <c r="E4" s="25"/>
      <c r="F4" s="25"/>
    </row>
    <row r="5" spans="1:9" ht="14.25" x14ac:dyDescent="0.2">
      <c r="A5" s="7">
        <v>1991</v>
      </c>
      <c r="B5" s="8">
        <v>0.13500000000000001</v>
      </c>
      <c r="C5" s="8">
        <v>0.11799999999999999</v>
      </c>
      <c r="D5" s="6"/>
      <c r="E5" s="25"/>
      <c r="F5" s="25"/>
    </row>
    <row r="6" spans="1:9" ht="14.25" x14ac:dyDescent="0.2">
      <c r="A6" s="7">
        <v>1992</v>
      </c>
      <c r="B6" s="8">
        <v>0.11899999999999999</v>
      </c>
      <c r="C6" s="8">
        <v>0.10299999999999999</v>
      </c>
      <c r="D6" s="6"/>
      <c r="E6" s="25"/>
      <c r="F6" s="25"/>
    </row>
    <row r="7" spans="1:9" ht="14.25" x14ac:dyDescent="0.2">
      <c r="A7" s="7">
        <v>1993</v>
      </c>
      <c r="B7" s="8">
        <v>0.123</v>
      </c>
      <c r="C7" s="8">
        <v>0.104</v>
      </c>
      <c r="D7" s="6"/>
      <c r="E7" s="25"/>
      <c r="F7" s="25"/>
    </row>
    <row r="8" spans="1:9" ht="14.25" x14ac:dyDescent="0.2">
      <c r="A8" s="7">
        <v>1994</v>
      </c>
      <c r="B8" s="8">
        <v>0.128</v>
      </c>
      <c r="C8" s="8">
        <v>0.11</v>
      </c>
      <c r="D8" s="6"/>
      <c r="E8" s="25"/>
      <c r="F8" s="25"/>
    </row>
    <row r="9" spans="1:9" ht="14.25" x14ac:dyDescent="0.2">
      <c r="A9" s="7">
        <v>1995</v>
      </c>
      <c r="B9" s="8">
        <v>0.13900000000000001</v>
      </c>
      <c r="C9" s="8">
        <v>0.11700000000000001</v>
      </c>
      <c r="D9" s="6"/>
      <c r="E9" s="25"/>
      <c r="F9" s="25"/>
    </row>
    <row r="10" spans="1:9" ht="14.25" x14ac:dyDescent="0.2">
      <c r="A10" s="7">
        <v>1996</v>
      </c>
      <c r="B10" s="8">
        <v>0.14299999999999999</v>
      </c>
      <c r="C10" s="8">
        <v>0.12</v>
      </c>
      <c r="D10" s="6"/>
      <c r="E10" s="25"/>
      <c r="F10" s="25"/>
    </row>
    <row r="11" spans="1:9" ht="14.25" x14ac:dyDescent="0.2">
      <c r="A11" s="7">
        <v>1997</v>
      </c>
      <c r="B11" s="8">
        <v>0.14699999999999999</v>
      </c>
      <c r="C11" s="8">
        <v>0.123</v>
      </c>
      <c r="D11" s="6"/>
      <c r="E11" s="25"/>
      <c r="F11" s="25"/>
    </row>
    <row r="12" spans="1:9" ht="14.25" x14ac:dyDescent="0.2">
      <c r="A12" s="7">
        <v>1998</v>
      </c>
      <c r="B12" s="8">
        <v>0.157</v>
      </c>
      <c r="C12" s="8">
        <v>0.129</v>
      </c>
      <c r="D12" s="6"/>
      <c r="E12" s="25"/>
      <c r="F12" s="25"/>
    </row>
    <row r="13" spans="1:9" ht="14.25" x14ac:dyDescent="0.2">
      <c r="A13" s="7">
        <v>1999</v>
      </c>
      <c r="B13" s="8">
        <v>0.151</v>
      </c>
      <c r="C13" s="8">
        <v>0.127</v>
      </c>
      <c r="D13" s="6"/>
      <c r="E13" s="25"/>
      <c r="F13" s="25"/>
    </row>
    <row r="14" spans="1:9" ht="14.25" x14ac:dyDescent="0.2">
      <c r="A14" s="7">
        <v>2000</v>
      </c>
      <c r="B14" s="8">
        <v>0.155</v>
      </c>
      <c r="C14" s="8">
        <v>0.13900000000000001</v>
      </c>
      <c r="D14" s="6"/>
      <c r="E14" s="25"/>
      <c r="F14" s="25"/>
    </row>
    <row r="15" spans="1:9" ht="14.25" x14ac:dyDescent="0.2">
      <c r="A15" s="7">
        <v>2001</v>
      </c>
      <c r="B15" s="8">
        <v>0.14199999999999999</v>
      </c>
      <c r="C15" s="8">
        <v>0.126</v>
      </c>
      <c r="D15" s="6"/>
      <c r="E15" s="25"/>
      <c r="F15" s="25"/>
    </row>
    <row r="16" spans="1:9" ht="14.25" x14ac:dyDescent="0.2">
      <c r="A16" s="7">
        <v>2002</v>
      </c>
      <c r="B16" s="8">
        <v>0.14399999999999999</v>
      </c>
      <c r="C16" s="8">
        <v>0.125</v>
      </c>
      <c r="D16" s="6"/>
      <c r="E16" s="25"/>
      <c r="F16" s="25"/>
    </row>
    <row r="17" spans="1:6" ht="14.25" x14ac:dyDescent="0.2">
      <c r="A17" s="7">
        <v>2003</v>
      </c>
      <c r="B17" s="8">
        <v>0.157</v>
      </c>
      <c r="C17" s="8">
        <v>0.13400000000000001</v>
      </c>
      <c r="D17" s="6"/>
      <c r="E17" s="25"/>
      <c r="F17" s="25"/>
    </row>
    <row r="18" spans="1:6" ht="14.25" x14ac:dyDescent="0.2">
      <c r="A18" s="7">
        <v>2004</v>
      </c>
      <c r="B18" s="8">
        <v>0.159</v>
      </c>
      <c r="C18" s="8">
        <v>0.13700000000000001</v>
      </c>
      <c r="D18" s="6"/>
      <c r="E18" s="25"/>
      <c r="F18" s="25"/>
    </row>
    <row r="19" spans="1:6" ht="14.25" x14ac:dyDescent="0.2">
      <c r="A19" s="7">
        <v>2005</v>
      </c>
      <c r="B19" s="8">
        <v>0.161</v>
      </c>
      <c r="C19" s="8">
        <v>0.13800000000000001</v>
      </c>
      <c r="D19" s="6"/>
      <c r="E19" s="25"/>
      <c r="F19" s="25"/>
    </row>
    <row r="20" spans="1:6" ht="14.25" x14ac:dyDescent="0.2">
      <c r="A20" s="7">
        <v>2006</v>
      </c>
      <c r="B20" s="8">
        <v>0.17100000000000001</v>
      </c>
      <c r="C20" s="8">
        <v>0.13800000000000001</v>
      </c>
      <c r="D20" s="6"/>
      <c r="E20" s="25"/>
      <c r="F20" s="25"/>
    </row>
    <row r="21" spans="1:6" ht="14.25" x14ac:dyDescent="0.2">
      <c r="A21" s="7">
        <v>2007</v>
      </c>
      <c r="B21" s="8">
        <v>0.17100000000000001</v>
      </c>
      <c r="C21" s="8">
        <v>0.13400000000000001</v>
      </c>
      <c r="D21" s="6"/>
      <c r="E21" s="25"/>
      <c r="F21" s="25"/>
    </row>
    <row r="22" spans="1:6" ht="14.25" x14ac:dyDescent="0.2">
      <c r="A22" s="7">
        <v>2008</v>
      </c>
      <c r="B22" s="8">
        <v>0.17699999999999999</v>
      </c>
      <c r="C22" s="8">
        <v>0.13400000000000001</v>
      </c>
      <c r="D22" s="6"/>
      <c r="E22" s="25"/>
      <c r="F22" s="25"/>
    </row>
    <row r="23" spans="1:6" ht="14.25" x14ac:dyDescent="0.2">
      <c r="A23" s="7">
        <v>2009</v>
      </c>
      <c r="B23" s="8">
        <v>0.17199999999999999</v>
      </c>
      <c r="C23" s="8">
        <v>0.123</v>
      </c>
      <c r="D23" s="6"/>
      <c r="E23" s="25"/>
      <c r="F23" s="25"/>
    </row>
    <row r="24" spans="1:6" ht="14.25" x14ac:dyDescent="0.2">
      <c r="A24" s="7">
        <v>2010</v>
      </c>
      <c r="B24" s="8">
        <v>0.157</v>
      </c>
      <c r="C24" s="8">
        <v>0.115</v>
      </c>
      <c r="D24" s="6"/>
      <c r="E24" s="25"/>
      <c r="F24" s="25"/>
    </row>
    <row r="25" spans="1:6" ht="14.25" x14ac:dyDescent="0.2">
      <c r="A25" s="7">
        <v>2011</v>
      </c>
      <c r="B25" s="8">
        <v>0.154</v>
      </c>
      <c r="C25" s="8">
        <v>0.106</v>
      </c>
      <c r="D25" s="6"/>
      <c r="E25" s="25"/>
      <c r="F25" s="25"/>
    </row>
    <row r="26" spans="1:6" ht="14.25" x14ac:dyDescent="0.2">
      <c r="A26" s="7">
        <v>2012</v>
      </c>
      <c r="B26" s="8">
        <v>0.17599999999999999</v>
      </c>
      <c r="C26" s="8">
        <v>0.1</v>
      </c>
      <c r="D26" s="6"/>
      <c r="E26" s="25"/>
      <c r="F26" s="25"/>
    </row>
    <row r="27" spans="1:6" ht="14.25" x14ac:dyDescent="0.2">
      <c r="A27" s="7">
        <v>2013</v>
      </c>
      <c r="B27" s="8">
        <v>0.182</v>
      </c>
      <c r="C27" s="8">
        <v>9.4E-2</v>
      </c>
      <c r="D27" s="6"/>
      <c r="E27" s="25"/>
      <c r="F27" s="25"/>
    </row>
    <row r="28" spans="1:6" ht="14.25" x14ac:dyDescent="0.2">
      <c r="A28" s="7">
        <v>2014</v>
      </c>
      <c r="B28" s="8">
        <v>0.17399999999999999</v>
      </c>
      <c r="C28" s="8">
        <v>9.4E-2</v>
      </c>
      <c r="D28" s="6"/>
      <c r="E28" s="25"/>
      <c r="F28" s="25"/>
    </row>
    <row r="29" spans="1:6" ht="14.25" x14ac:dyDescent="0.2">
      <c r="A29" s="7">
        <v>2015</v>
      </c>
      <c r="B29" s="8">
        <v>0.16400000000000001</v>
      </c>
      <c r="C29" s="8">
        <v>0.10100000000000001</v>
      </c>
      <c r="D29" s="6"/>
      <c r="E29" s="25"/>
      <c r="F29" s="25"/>
    </row>
    <row r="30" spans="1:6" ht="14.25" x14ac:dyDescent="0.2">
      <c r="A30" s="7">
        <v>2016</v>
      </c>
      <c r="B30" s="8">
        <v>0.14699999999999999</v>
      </c>
      <c r="C30" s="8">
        <v>0.10199999999999999</v>
      </c>
      <c r="D30" s="6"/>
      <c r="E30" s="25"/>
      <c r="F30" s="25"/>
    </row>
    <row r="31" spans="1:6" ht="14.25" x14ac:dyDescent="0.2">
      <c r="A31" s="7">
        <v>2017</v>
      </c>
      <c r="B31" s="8">
        <v>0.13100000000000001</v>
      </c>
      <c r="C31" s="8">
        <v>9.9000000000000005E-2</v>
      </c>
      <c r="D31" s="6"/>
      <c r="E31" s="25"/>
      <c r="F31" s="25"/>
    </row>
    <row r="32" spans="1:6" ht="14.25" x14ac:dyDescent="0.2">
      <c r="A32" s="7">
        <v>2018</v>
      </c>
      <c r="B32" s="8">
        <v>0.13500000000000001</v>
      </c>
      <c r="C32" s="8">
        <v>0.105</v>
      </c>
      <c r="D32" s="6"/>
      <c r="E32" s="25"/>
      <c r="F32" s="25"/>
    </row>
    <row r="33" spans="1:6" ht="14.25" x14ac:dyDescent="0.2">
      <c r="A33" s="7">
        <v>2019</v>
      </c>
      <c r="B33" s="8">
        <v>0.126</v>
      </c>
      <c r="C33" s="8">
        <v>0.1</v>
      </c>
      <c r="D33" s="6"/>
      <c r="E33" s="25"/>
      <c r="F33" s="25"/>
    </row>
    <row r="34" spans="1:6" ht="14.25" x14ac:dyDescent="0.2">
      <c r="A34" s="7">
        <v>2020</v>
      </c>
      <c r="B34" s="8">
        <v>0.125</v>
      </c>
      <c r="C34" s="8">
        <v>9.8000000000000004E-2</v>
      </c>
      <c r="D34" s="6"/>
      <c r="E34" s="25"/>
      <c r="F34" s="25"/>
    </row>
    <row r="35" spans="1:6" ht="14.25" x14ac:dyDescent="0.2">
      <c r="A35" s="7">
        <v>2021</v>
      </c>
      <c r="B35" s="8">
        <v>0.123</v>
      </c>
      <c r="C35" s="8">
        <v>9.7000000000000003E-2</v>
      </c>
      <c r="D35" s="6"/>
      <c r="E35" s="25"/>
      <c r="F35" s="25"/>
    </row>
    <row r="36" spans="1:6" ht="14.25" x14ac:dyDescent="0.2">
      <c r="A36" s="7">
        <v>2022</v>
      </c>
      <c r="B36" s="8">
        <v>0.129</v>
      </c>
      <c r="C36" s="8">
        <v>0.10199999999999999</v>
      </c>
      <c r="D36" s="6"/>
      <c r="E36" s="25"/>
      <c r="F36" s="25"/>
    </row>
    <row r="37" spans="1:6" ht="14.25" x14ac:dyDescent="0.2">
      <c r="A37" s="7">
        <v>2023</v>
      </c>
      <c r="B37" s="8">
        <v>0.129</v>
      </c>
      <c r="C37" s="8">
        <v>0.10100000000000001</v>
      </c>
      <c r="D37" s="6"/>
      <c r="E37" s="25"/>
      <c r="F37" s="25"/>
    </row>
    <row r="38" spans="1:6" ht="14.25" x14ac:dyDescent="0.2">
      <c r="A38" s="7">
        <v>2024</v>
      </c>
      <c r="B38" s="8">
        <v>0.13500000000000001</v>
      </c>
      <c r="C38" s="8">
        <v>0.105</v>
      </c>
      <c r="E38" s="25"/>
      <c r="F38" s="25"/>
    </row>
  </sheetData>
  <pageMargins left="0.7" right="0.7" top="0.75" bottom="0.75" header="0.3" footer="0.3"/>
  <pageSetup paperSize="9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3EB475C-EE6F-4D82-8B1F-1590090FD398}">
  <dimension ref="A1:I125"/>
  <sheetViews>
    <sheetView showGridLines="0" workbookViewId="0"/>
  </sheetViews>
  <sheetFormatPr defaultRowHeight="12.75" x14ac:dyDescent="0.2"/>
  <cols>
    <col min="1" max="1" width="15.140625" customWidth="1"/>
    <col min="2" max="3" width="25.7109375" customWidth="1"/>
    <col min="4" max="4" width="11" bestFit="1" customWidth="1"/>
    <col min="5" max="5" width="16.140625" customWidth="1"/>
    <col min="6" max="6" width="47.42578125" bestFit="1" customWidth="1"/>
    <col min="7" max="7" width="30.42578125" bestFit="1" customWidth="1"/>
  </cols>
  <sheetData>
    <row r="1" spans="1:9" ht="15.75" x14ac:dyDescent="0.25">
      <c r="A1" s="1" t="s">
        <v>20</v>
      </c>
      <c r="B1" s="2"/>
    </row>
    <row r="3" spans="1:9" ht="14.25" x14ac:dyDescent="0.2">
      <c r="A3" s="4" t="s">
        <v>17</v>
      </c>
      <c r="B3" s="5" t="s">
        <v>21</v>
      </c>
      <c r="C3" s="5" t="s">
        <v>22</v>
      </c>
      <c r="D3" s="6"/>
      <c r="E3" s="6"/>
      <c r="H3" s="6"/>
      <c r="I3" s="6"/>
    </row>
    <row r="4" spans="1:9" ht="14.25" x14ac:dyDescent="0.2">
      <c r="A4" s="7">
        <v>1901</v>
      </c>
      <c r="B4" s="10">
        <v>100</v>
      </c>
      <c r="C4" s="10">
        <v>100</v>
      </c>
      <c r="D4" s="6"/>
      <c r="E4" s="9"/>
      <c r="F4" s="9"/>
    </row>
    <row r="5" spans="1:9" ht="14.25" x14ac:dyDescent="0.2">
      <c r="A5" s="7">
        <v>1902</v>
      </c>
      <c r="B5" s="10">
        <v>99.36</v>
      </c>
      <c r="C5" s="10">
        <v>99.26</v>
      </c>
      <c r="D5" s="6"/>
      <c r="E5" s="9"/>
      <c r="F5" s="9"/>
    </row>
    <row r="6" spans="1:9" ht="14.25" x14ac:dyDescent="0.2">
      <c r="A6" s="7">
        <v>1903</v>
      </c>
      <c r="B6" s="10">
        <v>108.79</v>
      </c>
      <c r="C6" s="10">
        <v>106.28</v>
      </c>
      <c r="D6" s="6"/>
      <c r="E6" s="9"/>
      <c r="F6" s="9"/>
    </row>
    <row r="7" spans="1:9" ht="14.25" x14ac:dyDescent="0.2">
      <c r="A7" s="7">
        <v>1904</v>
      </c>
      <c r="B7" s="10">
        <v>112.54</v>
      </c>
      <c r="C7" s="10">
        <v>108.88</v>
      </c>
      <c r="D7" s="6"/>
      <c r="E7" s="9"/>
      <c r="F7" s="9"/>
    </row>
    <row r="8" spans="1:9" ht="14.25" x14ac:dyDescent="0.2">
      <c r="A8" s="7">
        <v>1905</v>
      </c>
      <c r="B8" s="10">
        <v>115.04</v>
      </c>
      <c r="C8" s="10">
        <v>109.11</v>
      </c>
      <c r="D8" s="6"/>
      <c r="E8" s="9"/>
      <c r="F8" s="9"/>
    </row>
    <row r="9" spans="1:9" ht="14.25" x14ac:dyDescent="0.2">
      <c r="A9" s="7">
        <v>1906</v>
      </c>
      <c r="B9" s="10">
        <v>121.03</v>
      </c>
      <c r="C9" s="10">
        <v>113.84</v>
      </c>
      <c r="D9" s="6"/>
      <c r="E9" s="9"/>
      <c r="F9" s="9"/>
    </row>
    <row r="10" spans="1:9" ht="14.25" x14ac:dyDescent="0.2">
      <c r="A10" s="7">
        <v>1907</v>
      </c>
      <c r="B10" s="10">
        <v>121.48</v>
      </c>
      <c r="C10" s="10">
        <v>114.14</v>
      </c>
      <c r="D10" s="6"/>
      <c r="E10" s="9"/>
      <c r="F10" s="9"/>
    </row>
    <row r="11" spans="1:9" ht="14.25" x14ac:dyDescent="0.2">
      <c r="A11" s="7">
        <v>1908</v>
      </c>
      <c r="B11" s="10">
        <v>122.24</v>
      </c>
      <c r="C11" s="10">
        <v>112.99</v>
      </c>
      <c r="D11" s="6"/>
      <c r="E11" s="9"/>
      <c r="F11" s="9"/>
    </row>
    <row r="12" spans="1:9" ht="14.25" x14ac:dyDescent="0.2">
      <c r="A12" s="7">
        <v>1909</v>
      </c>
      <c r="B12" s="10">
        <v>129.13999999999999</v>
      </c>
      <c r="C12" s="10">
        <v>118.21</v>
      </c>
      <c r="D12" s="6"/>
      <c r="E12" s="9"/>
      <c r="F12" s="9"/>
    </row>
    <row r="13" spans="1:9" ht="14.25" x14ac:dyDescent="0.2">
      <c r="A13" s="7">
        <v>1910</v>
      </c>
      <c r="B13" s="10">
        <v>133.19999999999999</v>
      </c>
      <c r="C13" s="10">
        <v>121.29</v>
      </c>
      <c r="D13" s="6"/>
      <c r="E13" s="9"/>
      <c r="F13" s="9"/>
    </row>
    <row r="14" spans="1:9" ht="14.25" x14ac:dyDescent="0.2">
      <c r="A14" s="7">
        <v>1911</v>
      </c>
      <c r="B14" s="10">
        <v>133.57</v>
      </c>
      <c r="C14" s="10">
        <v>119.86</v>
      </c>
      <c r="D14" s="6"/>
      <c r="E14" s="9"/>
      <c r="F14" s="9"/>
    </row>
    <row r="15" spans="1:9" ht="14.25" x14ac:dyDescent="0.2">
      <c r="A15" s="7">
        <v>1912</v>
      </c>
      <c r="B15" s="10">
        <v>130.52000000000001</v>
      </c>
      <c r="C15" s="10">
        <v>117.72</v>
      </c>
      <c r="D15" s="6"/>
      <c r="E15" s="9"/>
      <c r="F15" s="9"/>
    </row>
    <row r="16" spans="1:9" ht="14.25" x14ac:dyDescent="0.2">
      <c r="A16" s="7">
        <v>1913</v>
      </c>
      <c r="B16" s="10">
        <v>134.59</v>
      </c>
      <c r="C16" s="10">
        <v>119.53</v>
      </c>
      <c r="D16" s="6"/>
      <c r="E16" s="9"/>
      <c r="F16" s="9"/>
    </row>
    <row r="17" spans="1:6" ht="14.25" x14ac:dyDescent="0.2">
      <c r="A17" s="7">
        <v>1914</v>
      </c>
      <c r="B17" s="10">
        <v>129</v>
      </c>
      <c r="C17" s="10">
        <v>113.59</v>
      </c>
      <c r="D17" s="6"/>
      <c r="E17" s="9"/>
      <c r="F17" s="9"/>
    </row>
    <row r="18" spans="1:6" ht="14.25" x14ac:dyDescent="0.2">
      <c r="A18" s="7">
        <v>1915</v>
      </c>
      <c r="B18" s="10">
        <v>130.66</v>
      </c>
      <c r="C18" s="10">
        <v>111.83</v>
      </c>
      <c r="D18" s="6"/>
      <c r="E18" s="9"/>
      <c r="F18" s="9"/>
    </row>
    <row r="19" spans="1:6" ht="14.25" x14ac:dyDescent="0.2">
      <c r="A19" s="7">
        <v>1916</v>
      </c>
      <c r="B19" s="10">
        <v>131.66</v>
      </c>
      <c r="C19" s="10">
        <v>112.05</v>
      </c>
      <c r="D19" s="6"/>
      <c r="E19" s="9"/>
      <c r="F19" s="9"/>
    </row>
    <row r="20" spans="1:6" ht="14.25" x14ac:dyDescent="0.2">
      <c r="A20" s="7">
        <v>1917</v>
      </c>
      <c r="B20" s="10">
        <v>131.54</v>
      </c>
      <c r="C20" s="10">
        <v>111.11</v>
      </c>
      <c r="D20" s="6"/>
      <c r="E20" s="9"/>
      <c r="F20" s="9"/>
    </row>
    <row r="21" spans="1:6" ht="14.25" x14ac:dyDescent="0.2">
      <c r="A21" s="7">
        <v>1918</v>
      </c>
      <c r="B21" s="10">
        <v>128.74</v>
      </c>
      <c r="C21" s="10">
        <v>108.11</v>
      </c>
      <c r="D21" s="6"/>
      <c r="E21" s="9"/>
      <c r="F21" s="9"/>
    </row>
    <row r="22" spans="1:6" ht="14.25" x14ac:dyDescent="0.2">
      <c r="A22" s="7">
        <v>1919</v>
      </c>
      <c r="B22" s="10">
        <v>134.07</v>
      </c>
      <c r="C22" s="10">
        <v>112.76</v>
      </c>
      <c r="D22" s="6"/>
      <c r="E22" s="9"/>
      <c r="F22" s="9"/>
    </row>
    <row r="23" spans="1:6" ht="14.25" x14ac:dyDescent="0.2">
      <c r="A23" s="7">
        <v>1920</v>
      </c>
      <c r="B23" s="10">
        <v>134.9</v>
      </c>
      <c r="C23" s="10">
        <v>113.51</v>
      </c>
      <c r="D23" s="6"/>
      <c r="E23" s="9"/>
      <c r="F23" s="9"/>
    </row>
    <row r="24" spans="1:6" ht="14.25" x14ac:dyDescent="0.2">
      <c r="A24" s="7">
        <v>1921</v>
      </c>
      <c r="B24" s="10">
        <v>139.41999999999999</v>
      </c>
      <c r="C24" s="10">
        <v>116.14</v>
      </c>
      <c r="D24" s="6"/>
      <c r="E24" s="9"/>
      <c r="F24" s="9"/>
    </row>
    <row r="25" spans="1:6" ht="14.25" x14ac:dyDescent="0.2">
      <c r="A25" s="7">
        <v>1922</v>
      </c>
      <c r="B25" s="10">
        <v>141.97</v>
      </c>
      <c r="C25" s="10">
        <v>117.74</v>
      </c>
      <c r="D25" s="6"/>
      <c r="E25" s="9"/>
      <c r="F25" s="9"/>
    </row>
    <row r="26" spans="1:6" ht="14.25" x14ac:dyDescent="0.2">
      <c r="A26" s="7">
        <v>1923</v>
      </c>
      <c r="B26" s="10">
        <v>143.02000000000001</v>
      </c>
      <c r="C26" s="10">
        <v>117.75</v>
      </c>
      <c r="D26" s="6"/>
      <c r="E26" s="9"/>
      <c r="F26" s="9"/>
    </row>
    <row r="27" spans="1:6" ht="14.25" x14ac:dyDescent="0.2">
      <c r="A27" s="7">
        <v>1924</v>
      </c>
      <c r="B27" s="10">
        <v>149.58000000000001</v>
      </c>
      <c r="C27" s="10">
        <v>121.87</v>
      </c>
      <c r="D27" s="6"/>
      <c r="E27" s="9"/>
      <c r="F27" s="9"/>
    </row>
    <row r="28" spans="1:6" ht="14.25" x14ac:dyDescent="0.2">
      <c r="A28" s="7">
        <v>1925</v>
      </c>
      <c r="B28" s="10">
        <v>151.74</v>
      </c>
      <c r="C28" s="10">
        <v>122.92</v>
      </c>
      <c r="D28" s="6"/>
      <c r="E28" s="9"/>
      <c r="F28" s="9"/>
    </row>
    <row r="29" spans="1:6" ht="14.25" x14ac:dyDescent="0.2">
      <c r="A29" s="7">
        <v>1926</v>
      </c>
      <c r="B29" s="10">
        <v>153.44999999999999</v>
      </c>
      <c r="C29" s="10">
        <v>122.95</v>
      </c>
      <c r="D29" s="6"/>
      <c r="E29" s="9"/>
      <c r="F29" s="9"/>
    </row>
    <row r="30" spans="1:6" ht="14.25" x14ac:dyDescent="0.2">
      <c r="A30" s="7">
        <v>1927</v>
      </c>
      <c r="B30" s="10">
        <v>151.63</v>
      </c>
      <c r="C30" s="10">
        <v>120.98</v>
      </c>
      <c r="D30" s="6"/>
      <c r="E30" s="9"/>
      <c r="F30" s="9"/>
    </row>
    <row r="31" spans="1:6" ht="14.25" x14ac:dyDescent="0.2">
      <c r="A31" s="7">
        <v>1928</v>
      </c>
      <c r="B31" s="10">
        <v>152.24</v>
      </c>
      <c r="C31" s="10">
        <v>120.13</v>
      </c>
      <c r="D31" s="6"/>
      <c r="E31" s="9"/>
      <c r="F31" s="9"/>
    </row>
    <row r="32" spans="1:6" ht="14.25" x14ac:dyDescent="0.2">
      <c r="A32" s="7">
        <v>1929</v>
      </c>
      <c r="B32" s="10">
        <v>149.65</v>
      </c>
      <c r="C32" s="10">
        <v>116.79</v>
      </c>
      <c r="D32" s="6"/>
      <c r="E32" s="9"/>
      <c r="F32" s="9"/>
    </row>
    <row r="33" spans="1:6" ht="14.25" x14ac:dyDescent="0.2">
      <c r="A33" s="7">
        <v>1930</v>
      </c>
      <c r="B33" s="10">
        <v>137.66999999999999</v>
      </c>
      <c r="C33" s="10">
        <v>105.95</v>
      </c>
      <c r="D33" s="6"/>
      <c r="E33" s="9"/>
      <c r="F33" s="9"/>
    </row>
    <row r="34" spans="1:6" ht="14.25" x14ac:dyDescent="0.2">
      <c r="A34" s="7">
        <v>1931</v>
      </c>
      <c r="B34" s="10">
        <v>141.49</v>
      </c>
      <c r="C34" s="10">
        <v>105.71</v>
      </c>
      <c r="D34" s="6"/>
      <c r="E34" s="9"/>
      <c r="F34" s="9"/>
    </row>
    <row r="35" spans="1:6" ht="14.25" x14ac:dyDescent="0.2">
      <c r="A35" s="7">
        <v>1932</v>
      </c>
      <c r="B35" s="10">
        <v>153.59</v>
      </c>
      <c r="C35" s="10">
        <v>114.29</v>
      </c>
      <c r="D35" s="6"/>
      <c r="E35" s="9"/>
      <c r="F35" s="9"/>
    </row>
    <row r="36" spans="1:6" ht="14.25" x14ac:dyDescent="0.2">
      <c r="A36" s="7">
        <v>1933</v>
      </c>
      <c r="B36" s="10">
        <v>155.91</v>
      </c>
      <c r="C36" s="10">
        <v>117.86</v>
      </c>
      <c r="D36" s="6"/>
      <c r="E36" s="9"/>
      <c r="F36" s="9"/>
    </row>
    <row r="37" spans="1:6" ht="14.25" x14ac:dyDescent="0.2">
      <c r="A37" s="7">
        <v>1934</v>
      </c>
      <c r="B37" s="10">
        <v>156.71</v>
      </c>
      <c r="C37" s="10">
        <v>119.97</v>
      </c>
      <c r="D37" s="6"/>
      <c r="E37" s="9"/>
      <c r="F37" s="9"/>
    </row>
    <row r="38" spans="1:6" ht="14.25" x14ac:dyDescent="0.2">
      <c r="A38" s="7">
        <v>1935</v>
      </c>
      <c r="B38" s="10">
        <v>159.99</v>
      </c>
      <c r="C38" s="10">
        <v>123.44</v>
      </c>
      <c r="E38" s="9"/>
      <c r="F38" s="9"/>
    </row>
    <row r="39" spans="1:6" ht="14.25" x14ac:dyDescent="0.2">
      <c r="A39">
        <v>1936</v>
      </c>
      <c r="B39" s="11">
        <v>162.32</v>
      </c>
      <c r="C39" s="11">
        <v>125.66</v>
      </c>
      <c r="E39" s="9"/>
      <c r="F39" s="9"/>
    </row>
    <row r="40" spans="1:6" ht="14.25" x14ac:dyDescent="0.2">
      <c r="A40">
        <v>1937</v>
      </c>
      <c r="B40" s="11">
        <v>167.26</v>
      </c>
      <c r="C40" s="11">
        <v>129.36000000000001</v>
      </c>
      <c r="E40" s="9"/>
      <c r="F40" s="9"/>
    </row>
    <row r="41" spans="1:6" ht="14.25" x14ac:dyDescent="0.2">
      <c r="A41">
        <v>1938</v>
      </c>
      <c r="B41" s="11">
        <v>168.5</v>
      </c>
      <c r="C41" s="11">
        <v>130.38999999999999</v>
      </c>
      <c r="E41" s="9"/>
      <c r="F41" s="9"/>
    </row>
    <row r="42" spans="1:6" ht="14.25" x14ac:dyDescent="0.2">
      <c r="A42">
        <v>1939</v>
      </c>
      <c r="B42" s="11">
        <v>168.63</v>
      </c>
      <c r="C42" s="11">
        <v>129.37</v>
      </c>
      <c r="E42" s="9"/>
      <c r="F42" s="9"/>
    </row>
    <row r="43" spans="1:6" ht="14.25" x14ac:dyDescent="0.2">
      <c r="A43">
        <v>1940</v>
      </c>
      <c r="B43" s="11">
        <v>177.61</v>
      </c>
      <c r="C43" s="11">
        <v>135.91</v>
      </c>
      <c r="E43" s="9"/>
      <c r="F43" s="9"/>
    </row>
    <row r="44" spans="1:6" ht="14.25" x14ac:dyDescent="0.2">
      <c r="A44">
        <v>1941</v>
      </c>
      <c r="B44" s="11">
        <v>193.22</v>
      </c>
      <c r="C44" s="11">
        <v>148.19</v>
      </c>
      <c r="E44" s="9"/>
      <c r="F44" s="9"/>
    </row>
    <row r="45" spans="1:6" ht="14.25" x14ac:dyDescent="0.2">
      <c r="A45">
        <v>1942</v>
      </c>
      <c r="B45" s="11">
        <v>214.63</v>
      </c>
      <c r="C45" s="11">
        <v>164.66</v>
      </c>
      <c r="E45" s="9"/>
      <c r="F45" s="9"/>
    </row>
    <row r="46" spans="1:6" ht="14.25" x14ac:dyDescent="0.2">
      <c r="A46">
        <v>1943</v>
      </c>
      <c r="B46" s="11">
        <v>227.12</v>
      </c>
      <c r="C46" s="11">
        <v>173.45</v>
      </c>
      <c r="E46" s="9"/>
      <c r="F46" s="9"/>
    </row>
    <row r="47" spans="1:6" ht="14.25" x14ac:dyDescent="0.2">
      <c r="A47">
        <v>1944</v>
      </c>
      <c r="B47" s="11">
        <v>219.04</v>
      </c>
      <c r="C47" s="11">
        <v>168.05</v>
      </c>
      <c r="E47" s="9"/>
      <c r="F47" s="9"/>
    </row>
    <row r="48" spans="1:6" ht="14.25" x14ac:dyDescent="0.2">
      <c r="A48">
        <v>1945</v>
      </c>
      <c r="B48" s="11">
        <v>205.79</v>
      </c>
      <c r="C48" s="11">
        <v>159</v>
      </c>
      <c r="E48" s="9"/>
      <c r="F48" s="9"/>
    </row>
    <row r="49" spans="1:6" ht="14.25" x14ac:dyDescent="0.2">
      <c r="A49">
        <v>1946</v>
      </c>
      <c r="B49" s="11">
        <v>189.69</v>
      </c>
      <c r="C49" s="11">
        <v>148.9</v>
      </c>
      <c r="E49" s="9"/>
      <c r="F49" s="9"/>
    </row>
    <row r="50" spans="1:6" ht="14.25" x14ac:dyDescent="0.2">
      <c r="A50">
        <v>1947</v>
      </c>
      <c r="B50" s="11">
        <v>184.49</v>
      </c>
      <c r="C50" s="11">
        <v>147.19</v>
      </c>
      <c r="E50" s="9"/>
      <c r="F50" s="9"/>
    </row>
    <row r="51" spans="1:6" ht="14.25" x14ac:dyDescent="0.2">
      <c r="A51">
        <v>1948</v>
      </c>
      <c r="B51" s="11">
        <v>194.79</v>
      </c>
      <c r="C51" s="11">
        <v>155.38999999999999</v>
      </c>
      <c r="E51" s="9"/>
      <c r="F51" s="9"/>
    </row>
    <row r="52" spans="1:6" ht="14.25" x14ac:dyDescent="0.2">
      <c r="A52">
        <v>1949</v>
      </c>
      <c r="B52" s="11">
        <v>200.4</v>
      </c>
      <c r="C52" s="11">
        <v>160.88999999999999</v>
      </c>
      <c r="E52" s="9"/>
      <c r="F52" s="9"/>
    </row>
    <row r="53" spans="1:6" ht="14.25" x14ac:dyDescent="0.2">
      <c r="A53">
        <v>1950</v>
      </c>
      <c r="B53" s="11">
        <v>208.11</v>
      </c>
      <c r="C53" s="11">
        <v>167.54</v>
      </c>
      <c r="E53" s="9"/>
      <c r="F53" s="9"/>
    </row>
    <row r="54" spans="1:6" ht="14.25" x14ac:dyDescent="0.2">
      <c r="A54">
        <v>1951</v>
      </c>
      <c r="B54" s="11">
        <v>215.52</v>
      </c>
      <c r="C54" s="11">
        <v>172.64</v>
      </c>
      <c r="E54" s="9"/>
      <c r="F54" s="9"/>
    </row>
    <row r="55" spans="1:6" ht="14.25" x14ac:dyDescent="0.2">
      <c r="A55">
        <v>1952</v>
      </c>
      <c r="B55" s="11">
        <v>215.99</v>
      </c>
      <c r="C55" s="11">
        <v>171.74</v>
      </c>
      <c r="E55" s="9"/>
      <c r="F55" s="9"/>
    </row>
    <row r="56" spans="1:6" ht="14.25" x14ac:dyDescent="0.2">
      <c r="A56">
        <v>1953</v>
      </c>
      <c r="B56" s="11">
        <v>221.21</v>
      </c>
      <c r="C56" s="11">
        <v>174.33</v>
      </c>
      <c r="E56" s="9"/>
      <c r="F56" s="9"/>
    </row>
    <row r="57" spans="1:6" ht="14.25" x14ac:dyDescent="0.2">
      <c r="A57">
        <v>1954</v>
      </c>
      <c r="B57" s="11">
        <v>233.36</v>
      </c>
      <c r="C57" s="11">
        <v>182.7</v>
      </c>
      <c r="E57" s="9"/>
      <c r="F57" s="9"/>
    </row>
    <row r="58" spans="1:6" ht="14.25" x14ac:dyDescent="0.2">
      <c r="A58">
        <v>1955</v>
      </c>
      <c r="B58" s="11">
        <v>244.42</v>
      </c>
      <c r="C58" s="11">
        <v>189.91</v>
      </c>
      <c r="E58" s="9"/>
      <c r="F58" s="9"/>
    </row>
    <row r="59" spans="1:6" ht="14.25" x14ac:dyDescent="0.2">
      <c r="A59">
        <v>1956</v>
      </c>
      <c r="B59" s="11">
        <v>251.11</v>
      </c>
      <c r="C59" s="11">
        <v>193.12</v>
      </c>
      <c r="E59" s="9"/>
      <c r="F59" s="9"/>
    </row>
    <row r="60" spans="1:6" ht="14.25" x14ac:dyDescent="0.2">
      <c r="A60">
        <v>1957</v>
      </c>
      <c r="B60" s="11">
        <v>255.19</v>
      </c>
      <c r="C60" s="11">
        <v>193.34</v>
      </c>
      <c r="E60" s="9"/>
      <c r="F60" s="9"/>
    </row>
    <row r="61" spans="1:6" ht="14.25" x14ac:dyDescent="0.2">
      <c r="A61">
        <v>1958</v>
      </c>
      <c r="B61" s="11">
        <v>267.57</v>
      </c>
      <c r="C61" s="11">
        <v>199.37</v>
      </c>
      <c r="E61" s="9"/>
      <c r="F61" s="9"/>
    </row>
    <row r="62" spans="1:6" ht="14.25" x14ac:dyDescent="0.2">
      <c r="A62">
        <v>1959</v>
      </c>
      <c r="B62" s="11">
        <v>283.20999999999998</v>
      </c>
      <c r="C62" s="11">
        <v>208.1</v>
      </c>
      <c r="E62" s="9"/>
      <c r="F62" s="9"/>
    </row>
    <row r="63" spans="1:6" ht="14.25" x14ac:dyDescent="0.2">
      <c r="A63">
        <v>1960</v>
      </c>
      <c r="B63" s="11">
        <v>284.14</v>
      </c>
      <c r="C63" s="11">
        <v>207.85</v>
      </c>
      <c r="E63" s="9"/>
      <c r="F63" s="9"/>
    </row>
    <row r="64" spans="1:6" ht="14.25" x14ac:dyDescent="0.2">
      <c r="A64">
        <v>1961</v>
      </c>
      <c r="B64" s="11">
        <v>287.52</v>
      </c>
      <c r="C64" s="11">
        <v>207.98</v>
      </c>
      <c r="E64" s="9"/>
      <c r="F64" s="9"/>
    </row>
    <row r="65" spans="1:6" ht="14.25" x14ac:dyDescent="0.2">
      <c r="A65">
        <v>1962</v>
      </c>
      <c r="B65" s="11">
        <v>298.79000000000002</v>
      </c>
      <c r="C65" s="11">
        <v>215.13</v>
      </c>
      <c r="E65" s="9"/>
      <c r="F65" s="9"/>
    </row>
    <row r="66" spans="1:6" ht="14.25" x14ac:dyDescent="0.2">
      <c r="A66">
        <v>1963</v>
      </c>
      <c r="B66" s="11">
        <v>311.33</v>
      </c>
      <c r="C66" s="11">
        <v>223.3</v>
      </c>
      <c r="E66" s="9"/>
      <c r="F66" s="9"/>
    </row>
    <row r="67" spans="1:6" ht="14.25" x14ac:dyDescent="0.2">
      <c r="A67">
        <v>1964</v>
      </c>
      <c r="B67" s="11">
        <v>319.11</v>
      </c>
      <c r="C67" s="11">
        <v>228.1</v>
      </c>
      <c r="E67" s="9"/>
      <c r="F67" s="9"/>
    </row>
    <row r="68" spans="1:6" ht="14.25" x14ac:dyDescent="0.2">
      <c r="A68">
        <v>1965</v>
      </c>
      <c r="B68" s="11">
        <v>317.92</v>
      </c>
      <c r="C68" s="11">
        <v>225.71</v>
      </c>
      <c r="E68" s="9"/>
      <c r="F68" s="9"/>
    </row>
    <row r="69" spans="1:6" ht="14.25" x14ac:dyDescent="0.2">
      <c r="A69">
        <v>1966</v>
      </c>
      <c r="B69" s="11">
        <v>327.49</v>
      </c>
      <c r="C69" s="11">
        <v>231.11</v>
      </c>
      <c r="E69" s="9"/>
      <c r="F69" s="9"/>
    </row>
    <row r="70" spans="1:6" ht="14.25" x14ac:dyDescent="0.2">
      <c r="A70">
        <v>1967</v>
      </c>
      <c r="B70" s="11">
        <v>334.81</v>
      </c>
      <c r="C70" s="11">
        <v>234.73</v>
      </c>
      <c r="E70" s="9"/>
      <c r="F70" s="9"/>
    </row>
    <row r="71" spans="1:6" ht="14.25" x14ac:dyDescent="0.2">
      <c r="A71">
        <v>1968</v>
      </c>
      <c r="B71" s="11">
        <v>350.65</v>
      </c>
      <c r="C71" s="11">
        <v>243.73</v>
      </c>
      <c r="E71" s="9"/>
      <c r="F71" s="9"/>
    </row>
    <row r="72" spans="1:6" ht="14.25" x14ac:dyDescent="0.2">
      <c r="A72">
        <v>1969</v>
      </c>
      <c r="B72" s="11">
        <v>366.25</v>
      </c>
      <c r="C72" s="11">
        <v>252.44</v>
      </c>
      <c r="E72" s="9"/>
      <c r="F72" s="9"/>
    </row>
    <row r="73" spans="1:6" ht="14.25" x14ac:dyDescent="0.2">
      <c r="A73">
        <v>1970</v>
      </c>
      <c r="B73" s="11">
        <v>367.45</v>
      </c>
      <c r="C73" s="11">
        <v>251.93</v>
      </c>
      <c r="E73" s="9"/>
      <c r="F73" s="9"/>
    </row>
    <row r="74" spans="1:6" ht="14.25" x14ac:dyDescent="0.2">
      <c r="A74">
        <v>1971</v>
      </c>
      <c r="B74" s="11">
        <v>376.62</v>
      </c>
      <c r="C74" s="11">
        <v>255.17</v>
      </c>
      <c r="E74" s="9"/>
      <c r="F74" s="9"/>
    </row>
    <row r="75" spans="1:6" ht="14.25" x14ac:dyDescent="0.2">
      <c r="A75">
        <v>1972</v>
      </c>
      <c r="B75" s="11">
        <v>384.93</v>
      </c>
      <c r="C75" s="11">
        <v>257.07</v>
      </c>
      <c r="E75" s="9"/>
      <c r="F75" s="9"/>
    </row>
    <row r="76" spans="1:6" ht="14.25" x14ac:dyDescent="0.2">
      <c r="A76">
        <v>1973</v>
      </c>
      <c r="B76" s="11">
        <v>392.88</v>
      </c>
      <c r="C76" s="11">
        <v>260.13</v>
      </c>
      <c r="E76" s="9"/>
      <c r="F76" s="9"/>
    </row>
    <row r="77" spans="1:6" ht="14.25" x14ac:dyDescent="0.2">
      <c r="A77">
        <v>1974</v>
      </c>
      <c r="B77" s="11">
        <v>386.57</v>
      </c>
      <c r="C77" s="11">
        <v>254.66</v>
      </c>
      <c r="E77" s="9"/>
      <c r="F77" s="9"/>
    </row>
    <row r="78" spans="1:6" ht="14.25" x14ac:dyDescent="0.2">
      <c r="A78">
        <v>1975</v>
      </c>
      <c r="B78" s="11">
        <v>400.88</v>
      </c>
      <c r="C78" s="11">
        <v>260.27999999999997</v>
      </c>
      <c r="E78" s="9"/>
      <c r="F78" s="9"/>
    </row>
    <row r="79" spans="1:6" ht="14.25" x14ac:dyDescent="0.2">
      <c r="A79">
        <v>1976</v>
      </c>
      <c r="B79" s="11">
        <v>407.57</v>
      </c>
      <c r="C79" s="11">
        <v>263.08</v>
      </c>
      <c r="E79" s="9"/>
      <c r="F79" s="9"/>
    </row>
    <row r="80" spans="1:6" ht="14.25" x14ac:dyDescent="0.2">
      <c r="A80">
        <v>1977</v>
      </c>
      <c r="B80" s="11">
        <v>407.09</v>
      </c>
      <c r="C80" s="11">
        <v>260.45999999999998</v>
      </c>
      <c r="E80" s="9"/>
      <c r="F80" s="9"/>
    </row>
    <row r="81" spans="1:6" ht="14.25" x14ac:dyDescent="0.2">
      <c r="A81">
        <v>1978</v>
      </c>
      <c r="B81" s="11">
        <v>424.29</v>
      </c>
      <c r="C81" s="11">
        <v>268.24</v>
      </c>
      <c r="E81" s="9"/>
      <c r="F81" s="9"/>
    </row>
    <row r="82" spans="1:6" ht="14.25" x14ac:dyDescent="0.2">
      <c r="A82">
        <v>1979</v>
      </c>
      <c r="B82" s="11">
        <v>426.46</v>
      </c>
      <c r="C82" s="11">
        <v>268.43</v>
      </c>
      <c r="E82" s="9"/>
      <c r="F82" s="9"/>
    </row>
    <row r="83" spans="1:6" ht="14.25" x14ac:dyDescent="0.2">
      <c r="A83">
        <v>1980</v>
      </c>
      <c r="B83" s="11">
        <v>431.24</v>
      </c>
      <c r="C83" s="11">
        <v>270.13</v>
      </c>
      <c r="E83" s="9"/>
      <c r="F83" s="9"/>
    </row>
    <row r="84" spans="1:6" ht="14.25" x14ac:dyDescent="0.2">
      <c r="A84">
        <v>1981</v>
      </c>
      <c r="B84" s="11">
        <v>443.68</v>
      </c>
      <c r="C84" s="11">
        <v>274.8</v>
      </c>
      <c r="E84" s="9"/>
      <c r="F84" s="9"/>
    </row>
    <row r="85" spans="1:6" ht="14.25" x14ac:dyDescent="0.2">
      <c r="A85">
        <v>1982</v>
      </c>
      <c r="B85" s="11">
        <v>448.99</v>
      </c>
      <c r="C85" s="11">
        <v>271.75</v>
      </c>
      <c r="E85" s="9"/>
      <c r="F85" s="9"/>
    </row>
    <row r="86" spans="1:6" ht="14.25" x14ac:dyDescent="0.2">
      <c r="A86">
        <v>1983</v>
      </c>
      <c r="B86" s="11">
        <v>461.3</v>
      </c>
      <c r="C86" s="11">
        <v>278.05</v>
      </c>
      <c r="E86" s="9"/>
      <c r="F86" s="9"/>
    </row>
    <row r="87" spans="1:6" ht="14.25" x14ac:dyDescent="0.2">
      <c r="A87">
        <v>1984</v>
      </c>
      <c r="B87" s="11">
        <v>471.45</v>
      </c>
      <c r="C87" s="11">
        <v>284.02999999999997</v>
      </c>
      <c r="E87" s="9"/>
      <c r="F87" s="9"/>
    </row>
    <row r="88" spans="1:6" ht="14.25" x14ac:dyDescent="0.2">
      <c r="A88">
        <v>1985</v>
      </c>
      <c r="B88" s="11">
        <v>470.27</v>
      </c>
      <c r="C88" s="11">
        <v>283.92</v>
      </c>
      <c r="E88" s="9"/>
      <c r="F88" s="9"/>
    </row>
    <row r="89" spans="1:6" ht="14.25" x14ac:dyDescent="0.2">
      <c r="A89">
        <v>1986</v>
      </c>
      <c r="B89" s="11">
        <v>470.58</v>
      </c>
      <c r="C89" s="11">
        <v>283.13</v>
      </c>
      <c r="E89" s="9"/>
      <c r="F89" s="9"/>
    </row>
    <row r="90" spans="1:6" ht="14.25" x14ac:dyDescent="0.2">
      <c r="A90">
        <v>1987</v>
      </c>
      <c r="B90" s="11">
        <v>480.68</v>
      </c>
      <c r="C90" s="11">
        <v>289.39</v>
      </c>
      <c r="E90" s="9"/>
      <c r="F90" s="9"/>
    </row>
    <row r="91" spans="1:6" ht="14.25" x14ac:dyDescent="0.2">
      <c r="A91">
        <v>1988</v>
      </c>
      <c r="B91" s="11">
        <v>479.23</v>
      </c>
      <c r="C91" s="11">
        <v>289.11</v>
      </c>
      <c r="E91" s="9"/>
      <c r="F91" s="9"/>
    </row>
    <row r="92" spans="1:6" ht="14.25" x14ac:dyDescent="0.2">
      <c r="A92">
        <v>1989</v>
      </c>
      <c r="B92" s="11">
        <v>480.83</v>
      </c>
      <c r="C92" s="11">
        <v>289.58</v>
      </c>
      <c r="E92" s="9"/>
      <c r="F92" s="9"/>
    </row>
    <row r="93" spans="1:6" ht="14.25" x14ac:dyDescent="0.2">
      <c r="A93">
        <v>1990</v>
      </c>
      <c r="B93" s="11">
        <v>488.46</v>
      </c>
      <c r="C93" s="11">
        <v>289.27</v>
      </c>
      <c r="E93" s="9"/>
      <c r="F93" s="9"/>
    </row>
    <row r="94" spans="1:6" ht="14.25" x14ac:dyDescent="0.2">
      <c r="A94">
        <v>1991</v>
      </c>
      <c r="B94" s="11">
        <v>499.69</v>
      </c>
      <c r="C94" s="11">
        <v>291.86</v>
      </c>
      <c r="E94" s="9"/>
      <c r="F94" s="9"/>
    </row>
    <row r="95" spans="1:6" ht="14.25" x14ac:dyDescent="0.2">
      <c r="A95">
        <v>1992</v>
      </c>
      <c r="B95" s="11">
        <v>515.07000000000005</v>
      </c>
      <c r="C95" s="11">
        <v>299.61</v>
      </c>
      <c r="E95" s="9"/>
      <c r="F95" s="9"/>
    </row>
    <row r="96" spans="1:6" ht="14.25" x14ac:dyDescent="0.2">
      <c r="A96">
        <v>1993</v>
      </c>
      <c r="B96" s="11">
        <v>516.19000000000005</v>
      </c>
      <c r="C96" s="11">
        <v>301.35000000000002</v>
      </c>
      <c r="E96" s="9"/>
      <c r="F96" s="9"/>
    </row>
    <row r="97" spans="1:6" ht="14.25" x14ac:dyDescent="0.2">
      <c r="A97">
        <v>1994</v>
      </c>
      <c r="B97" s="11">
        <v>517.35</v>
      </c>
      <c r="C97" s="11">
        <v>302.91000000000003</v>
      </c>
      <c r="E97" s="9"/>
      <c r="F97" s="9"/>
    </row>
    <row r="98" spans="1:6" ht="14.25" x14ac:dyDescent="0.2">
      <c r="A98">
        <v>1995</v>
      </c>
      <c r="B98" s="11">
        <v>532.87</v>
      </c>
      <c r="C98" s="11">
        <v>309.95999999999998</v>
      </c>
      <c r="E98" s="9"/>
      <c r="F98" s="9"/>
    </row>
    <row r="99" spans="1:6" ht="14.25" x14ac:dyDescent="0.2">
      <c r="A99">
        <v>1996</v>
      </c>
      <c r="B99" s="11">
        <v>551.33000000000004</v>
      </c>
      <c r="C99" s="11">
        <v>318.35000000000002</v>
      </c>
      <c r="E99" s="9"/>
      <c r="F99" s="9"/>
    </row>
    <row r="100" spans="1:6" ht="14.25" x14ac:dyDescent="0.2">
      <c r="A100">
        <v>1997</v>
      </c>
      <c r="B100" s="11">
        <v>570.01</v>
      </c>
      <c r="C100" s="11">
        <v>327.37</v>
      </c>
      <c r="E100" s="9"/>
      <c r="F100" s="9"/>
    </row>
    <row r="101" spans="1:6" ht="14.25" x14ac:dyDescent="0.2">
      <c r="A101">
        <v>1998</v>
      </c>
      <c r="B101" s="11">
        <v>588.04999999999995</v>
      </c>
      <c r="C101" s="11">
        <v>336.04</v>
      </c>
      <c r="E101" s="9"/>
      <c r="F101" s="9"/>
    </row>
    <row r="102" spans="1:6" ht="14.25" x14ac:dyDescent="0.2">
      <c r="A102">
        <v>1999</v>
      </c>
      <c r="B102" s="11">
        <v>593.05999999999995</v>
      </c>
      <c r="C102" s="11">
        <v>338.37</v>
      </c>
      <c r="E102" s="9"/>
      <c r="F102" s="9"/>
    </row>
    <row r="103" spans="1:6" ht="14.25" x14ac:dyDescent="0.2">
      <c r="A103">
        <v>2000</v>
      </c>
      <c r="B103" s="11">
        <v>599.78</v>
      </c>
      <c r="C103" s="11">
        <v>339.36</v>
      </c>
      <c r="E103" s="9"/>
      <c r="F103" s="9"/>
    </row>
    <row r="104" spans="1:6" ht="14.25" x14ac:dyDescent="0.2">
      <c r="A104">
        <v>2001</v>
      </c>
      <c r="B104" s="11">
        <v>620.66</v>
      </c>
      <c r="C104" s="11">
        <v>348.95</v>
      </c>
      <c r="E104" s="9"/>
      <c r="F104" s="9"/>
    </row>
    <row r="105" spans="1:6" ht="14.25" x14ac:dyDescent="0.2">
      <c r="A105">
        <v>2002</v>
      </c>
      <c r="B105" s="11">
        <v>630.07000000000005</v>
      </c>
      <c r="C105" s="11">
        <v>352.72</v>
      </c>
      <c r="E105" s="9"/>
      <c r="F105" s="9"/>
    </row>
    <row r="106" spans="1:6" ht="14.25" x14ac:dyDescent="0.2">
      <c r="A106">
        <v>2003</v>
      </c>
      <c r="B106" s="11">
        <v>644.63</v>
      </c>
      <c r="C106" s="11">
        <v>358.99</v>
      </c>
      <c r="E106" s="9"/>
      <c r="F106" s="9"/>
    </row>
    <row r="107" spans="1:6" ht="14.25" x14ac:dyDescent="0.2">
      <c r="A107">
        <v>2004</v>
      </c>
      <c r="B107" s="11">
        <v>642.47</v>
      </c>
      <c r="C107" s="11">
        <v>357.33</v>
      </c>
      <c r="E107" s="9"/>
      <c r="F107" s="9"/>
    </row>
    <row r="108" spans="1:6" ht="14.25" x14ac:dyDescent="0.2">
      <c r="A108">
        <v>2005</v>
      </c>
      <c r="B108" s="11">
        <v>644.77</v>
      </c>
      <c r="C108" s="11">
        <v>356.74</v>
      </c>
      <c r="E108" s="9"/>
      <c r="F108" s="9"/>
    </row>
    <row r="109" spans="1:6" ht="14.25" x14ac:dyDescent="0.2">
      <c r="A109">
        <v>2006</v>
      </c>
      <c r="B109" s="11">
        <v>648.09</v>
      </c>
      <c r="C109" s="11">
        <v>357.37</v>
      </c>
      <c r="E109" s="9"/>
      <c r="F109" s="9"/>
    </row>
    <row r="110" spans="1:6" ht="14.25" x14ac:dyDescent="0.2">
      <c r="A110">
        <v>2007</v>
      </c>
      <c r="B110" s="11">
        <v>655.36</v>
      </c>
      <c r="C110" s="11">
        <v>359.26</v>
      </c>
      <c r="E110" s="9"/>
      <c r="F110" s="9"/>
    </row>
    <row r="111" spans="1:6" ht="14.25" x14ac:dyDescent="0.2">
      <c r="A111">
        <v>2008</v>
      </c>
      <c r="B111" s="11">
        <v>677.95</v>
      </c>
      <c r="C111" s="11">
        <v>364.85</v>
      </c>
      <c r="E111" s="9"/>
      <c r="F111" s="9"/>
    </row>
    <row r="112" spans="1:6" ht="14.25" x14ac:dyDescent="0.2">
      <c r="A112">
        <v>2009</v>
      </c>
      <c r="B112" s="11">
        <v>672.31</v>
      </c>
      <c r="C112" s="11">
        <v>360.29</v>
      </c>
      <c r="E112" s="9"/>
      <c r="F112" s="9"/>
    </row>
    <row r="113" spans="1:6" ht="14.25" x14ac:dyDescent="0.2">
      <c r="A113">
        <v>2010</v>
      </c>
      <c r="B113" s="11">
        <v>682.92</v>
      </c>
      <c r="C113" s="11">
        <v>362.31</v>
      </c>
      <c r="E113" s="9"/>
      <c r="F113" s="9"/>
    </row>
    <row r="114" spans="1:6" ht="14.25" x14ac:dyDescent="0.2">
      <c r="A114">
        <v>2011</v>
      </c>
      <c r="B114" s="11">
        <v>690.85</v>
      </c>
      <c r="C114" s="11">
        <v>364.9</v>
      </c>
      <c r="E114" s="9"/>
      <c r="F114" s="9"/>
    </row>
    <row r="115" spans="1:6" ht="14.25" x14ac:dyDescent="0.2">
      <c r="A115">
        <v>2012</v>
      </c>
      <c r="B115" s="11">
        <v>707.35</v>
      </c>
      <c r="C115" s="11">
        <v>368.56</v>
      </c>
      <c r="E115" s="9"/>
      <c r="F115" s="9"/>
    </row>
    <row r="116" spans="1:6" ht="14.25" x14ac:dyDescent="0.2">
      <c r="A116">
        <v>2013</v>
      </c>
      <c r="B116" s="11">
        <v>719.5</v>
      </c>
      <c r="C116" s="11">
        <v>370.79</v>
      </c>
      <c r="E116" s="9"/>
      <c r="F116" s="9"/>
    </row>
    <row r="117" spans="1:6" ht="14.25" x14ac:dyDescent="0.2">
      <c r="A117">
        <v>2014</v>
      </c>
      <c r="B117" s="11">
        <v>722.54</v>
      </c>
      <c r="C117" s="11">
        <v>369.86</v>
      </c>
      <c r="E117" s="9"/>
      <c r="F117" s="9"/>
    </row>
    <row r="118" spans="1:6" ht="14.25" x14ac:dyDescent="0.2">
      <c r="A118">
        <v>2015</v>
      </c>
      <c r="B118" s="11">
        <v>740.6</v>
      </c>
      <c r="C118" s="11">
        <v>375.53</v>
      </c>
      <c r="E118" s="9"/>
      <c r="F118" s="9"/>
    </row>
    <row r="119" spans="1:6" ht="14.25" x14ac:dyDescent="0.2">
      <c r="A119">
        <v>2016</v>
      </c>
      <c r="B119" s="11">
        <v>738.49</v>
      </c>
      <c r="C119" s="11">
        <v>374.1</v>
      </c>
      <c r="E119" s="9"/>
      <c r="F119" s="9"/>
    </row>
    <row r="120" spans="1:6" ht="14.25" x14ac:dyDescent="0.2">
      <c r="A120">
        <v>2017</v>
      </c>
      <c r="B120" s="11">
        <v>746.91</v>
      </c>
      <c r="C120" s="11">
        <v>377.29</v>
      </c>
      <c r="E120" s="9"/>
      <c r="F120" s="9"/>
    </row>
    <row r="121" spans="1:6" ht="14.25" x14ac:dyDescent="0.2">
      <c r="A121">
        <v>2018</v>
      </c>
      <c r="B121" s="11">
        <v>747.05</v>
      </c>
      <c r="C121" s="11">
        <v>376.53</v>
      </c>
      <c r="E121" s="9"/>
      <c r="F121" s="9"/>
    </row>
    <row r="122" spans="1:6" ht="14.25" x14ac:dyDescent="0.2">
      <c r="A122">
        <v>2019</v>
      </c>
      <c r="B122" s="11">
        <v>756.12</v>
      </c>
      <c r="C122" s="11">
        <v>376.63</v>
      </c>
      <c r="E122" s="9"/>
      <c r="F122" s="9"/>
    </row>
    <row r="123" spans="1:6" ht="14.25" x14ac:dyDescent="0.2">
      <c r="A123">
        <v>2020</v>
      </c>
      <c r="B123" s="11">
        <v>770.4</v>
      </c>
      <c r="C123" s="11">
        <v>381.45</v>
      </c>
      <c r="E123" s="9"/>
      <c r="F123" s="9"/>
    </row>
    <row r="124" spans="1:6" ht="14.25" x14ac:dyDescent="0.2">
      <c r="A124">
        <v>2021</v>
      </c>
      <c r="B124" s="11">
        <v>778</v>
      </c>
      <c r="C124" s="11">
        <v>385.5</v>
      </c>
      <c r="E124" s="9"/>
      <c r="F124" s="9"/>
    </row>
    <row r="125" spans="1:6" ht="14.25" x14ac:dyDescent="0.2">
      <c r="A125">
        <v>2022</v>
      </c>
      <c r="B125" s="11">
        <v>768.61</v>
      </c>
      <c r="C125" s="11">
        <v>383.45</v>
      </c>
      <c r="E125" s="9"/>
      <c r="F125" s="9"/>
    </row>
  </sheetData>
  <pageMargins left="0.7" right="0.7" top="0.75" bottom="0.75" header="0.3" footer="0.3"/>
  <pageSetup paperSize="9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B8DE724-D477-41CF-9A47-B5D60786A071}">
  <dimension ref="A1:G23"/>
  <sheetViews>
    <sheetView showGridLines="0" zoomScaleNormal="100" workbookViewId="0"/>
  </sheetViews>
  <sheetFormatPr defaultRowHeight="12.75" x14ac:dyDescent="0.2"/>
  <cols>
    <col min="1" max="1" width="13.140625" customWidth="1"/>
  </cols>
  <sheetData>
    <row r="1" spans="1:7" ht="15.75" x14ac:dyDescent="0.25">
      <c r="A1" s="1" t="s">
        <v>23</v>
      </c>
      <c r="B1" s="2"/>
    </row>
    <row r="3" spans="1:7" x14ac:dyDescent="0.2">
      <c r="A3" s="12" t="s">
        <v>24</v>
      </c>
      <c r="B3" s="12">
        <v>1980</v>
      </c>
      <c r="C3" s="12">
        <v>1990</v>
      </c>
      <c r="D3" s="12">
        <v>2000</v>
      </c>
      <c r="E3" s="12">
        <v>2010</v>
      </c>
      <c r="F3" s="12">
        <v>2020</v>
      </c>
      <c r="G3" s="12">
        <v>2024</v>
      </c>
    </row>
    <row r="4" spans="1:7" x14ac:dyDescent="0.2">
      <c r="A4" s="13">
        <v>0</v>
      </c>
      <c r="B4">
        <v>6</v>
      </c>
      <c r="C4">
        <v>6</v>
      </c>
      <c r="D4">
        <v>15</v>
      </c>
      <c r="E4">
        <v>19</v>
      </c>
      <c r="F4">
        <v>16</v>
      </c>
      <c r="G4">
        <v>15</v>
      </c>
    </row>
    <row r="5" spans="1:7" x14ac:dyDescent="0.2">
      <c r="A5" s="13">
        <v>0.05</v>
      </c>
      <c r="B5">
        <v>0</v>
      </c>
      <c r="C5">
        <v>1</v>
      </c>
      <c r="D5">
        <v>0</v>
      </c>
      <c r="E5">
        <v>0</v>
      </c>
      <c r="F5">
        <v>0</v>
      </c>
      <c r="G5">
        <v>0</v>
      </c>
    </row>
    <row r="6" spans="1:7" x14ac:dyDescent="0.2">
      <c r="A6" s="13">
        <v>0.1</v>
      </c>
      <c r="B6">
        <v>0</v>
      </c>
      <c r="C6">
        <v>0</v>
      </c>
      <c r="D6">
        <v>1</v>
      </c>
      <c r="E6">
        <v>12</v>
      </c>
      <c r="F6">
        <v>14</v>
      </c>
      <c r="G6">
        <v>13</v>
      </c>
    </row>
    <row r="7" spans="1:7" x14ac:dyDescent="0.2">
      <c r="A7" s="13">
        <v>0.15000000000000002</v>
      </c>
      <c r="B7">
        <v>0</v>
      </c>
      <c r="C7">
        <v>3</v>
      </c>
      <c r="D7">
        <v>5</v>
      </c>
      <c r="E7">
        <v>14</v>
      </c>
      <c r="F7">
        <v>16</v>
      </c>
      <c r="G7">
        <v>19</v>
      </c>
    </row>
    <row r="8" spans="1:7" x14ac:dyDescent="0.2">
      <c r="A8" s="13">
        <v>0.2</v>
      </c>
      <c r="B8">
        <v>4</v>
      </c>
      <c r="C8">
        <v>5</v>
      </c>
      <c r="D8">
        <v>10</v>
      </c>
      <c r="E8">
        <v>23</v>
      </c>
      <c r="F8">
        <v>36</v>
      </c>
      <c r="G8">
        <v>33</v>
      </c>
    </row>
    <row r="9" spans="1:7" x14ac:dyDescent="0.2">
      <c r="A9" s="13">
        <v>0.25</v>
      </c>
      <c r="B9">
        <v>2</v>
      </c>
      <c r="C9">
        <v>3</v>
      </c>
      <c r="D9">
        <v>16</v>
      </c>
      <c r="E9">
        <v>37</v>
      </c>
      <c r="F9">
        <v>57</v>
      </c>
      <c r="G9">
        <v>64</v>
      </c>
    </row>
    <row r="10" spans="1:7" x14ac:dyDescent="0.2">
      <c r="A10" s="13">
        <v>0.3</v>
      </c>
      <c r="B10">
        <v>3</v>
      </c>
      <c r="C10">
        <v>10</v>
      </c>
      <c r="D10">
        <v>39</v>
      </c>
      <c r="E10">
        <v>46</v>
      </c>
      <c r="F10">
        <v>62</v>
      </c>
      <c r="G10">
        <v>62</v>
      </c>
    </row>
    <row r="11" spans="1:7" x14ac:dyDescent="0.2">
      <c r="A11" s="13">
        <v>0.35</v>
      </c>
      <c r="B11">
        <v>11</v>
      </c>
      <c r="C11">
        <v>23</v>
      </c>
      <c r="D11">
        <v>52</v>
      </c>
      <c r="E11">
        <v>33</v>
      </c>
      <c r="F11">
        <v>22</v>
      </c>
      <c r="G11">
        <v>17</v>
      </c>
    </row>
    <row r="12" spans="1:7" x14ac:dyDescent="0.2">
      <c r="A12" s="13">
        <v>0.39999999999999997</v>
      </c>
      <c r="B12">
        <v>13</v>
      </c>
      <c r="C12">
        <v>17</v>
      </c>
      <c r="D12">
        <v>24</v>
      </c>
      <c r="E12">
        <v>8</v>
      </c>
      <c r="F12">
        <v>2</v>
      </c>
      <c r="G12">
        <v>2</v>
      </c>
    </row>
    <row r="13" spans="1:7" x14ac:dyDescent="0.2">
      <c r="A13" s="13">
        <v>0.44999999999999996</v>
      </c>
      <c r="B13">
        <v>17</v>
      </c>
      <c r="C13">
        <v>12</v>
      </c>
      <c r="D13">
        <v>8</v>
      </c>
      <c r="E13">
        <v>0</v>
      </c>
      <c r="F13">
        <v>0</v>
      </c>
      <c r="G13">
        <v>0</v>
      </c>
    </row>
    <row r="14" spans="1:7" x14ac:dyDescent="0.2">
      <c r="A14" s="13">
        <v>0.49999999999999994</v>
      </c>
      <c r="B14">
        <v>18</v>
      </c>
      <c r="C14">
        <v>18</v>
      </c>
      <c r="D14">
        <v>3</v>
      </c>
      <c r="E14">
        <v>0</v>
      </c>
      <c r="F14">
        <v>1</v>
      </c>
      <c r="G14">
        <v>1</v>
      </c>
    </row>
    <row r="15" spans="1:7" x14ac:dyDescent="0.2">
      <c r="A15" s="13">
        <v>0.54999999999999993</v>
      </c>
      <c r="B15">
        <v>4</v>
      </c>
      <c r="C15">
        <v>5</v>
      </c>
      <c r="D15">
        <v>2</v>
      </c>
      <c r="E15">
        <v>0</v>
      </c>
      <c r="F15">
        <v>0</v>
      </c>
      <c r="G15">
        <v>0</v>
      </c>
    </row>
    <row r="16" spans="1:7" x14ac:dyDescent="0.2">
      <c r="A16" s="13">
        <v>0.6</v>
      </c>
      <c r="B16">
        <v>3</v>
      </c>
      <c r="C16">
        <v>0</v>
      </c>
      <c r="D16">
        <v>0</v>
      </c>
      <c r="E16">
        <v>0</v>
      </c>
      <c r="F16">
        <v>0</v>
      </c>
      <c r="G16">
        <v>0</v>
      </c>
    </row>
    <row r="17" spans="1:7" x14ac:dyDescent="0.2">
      <c r="A17" s="13">
        <v>0.65</v>
      </c>
      <c r="B17">
        <v>0</v>
      </c>
      <c r="C17">
        <v>0</v>
      </c>
      <c r="D17">
        <v>0</v>
      </c>
      <c r="E17">
        <v>0</v>
      </c>
      <c r="F17">
        <v>0</v>
      </c>
      <c r="G17">
        <v>0</v>
      </c>
    </row>
    <row r="18" spans="1:7" x14ac:dyDescent="0.2">
      <c r="A18" s="13">
        <v>0.70000000000000007</v>
      </c>
      <c r="B18">
        <v>0</v>
      </c>
      <c r="C18">
        <v>0</v>
      </c>
      <c r="D18">
        <v>0</v>
      </c>
      <c r="E18">
        <v>0</v>
      </c>
      <c r="F18">
        <v>0</v>
      </c>
      <c r="G18">
        <v>0</v>
      </c>
    </row>
    <row r="19" spans="1:7" x14ac:dyDescent="0.2">
      <c r="A19" s="14">
        <v>0.75000000000000011</v>
      </c>
      <c r="B19" s="15">
        <v>0</v>
      </c>
      <c r="C19" s="15">
        <v>1</v>
      </c>
      <c r="D19" s="15">
        <v>0</v>
      </c>
      <c r="E19" s="15">
        <v>0</v>
      </c>
      <c r="F19" s="15">
        <v>0</v>
      </c>
      <c r="G19" s="15">
        <v>0</v>
      </c>
    </row>
    <row r="21" spans="1:7" x14ac:dyDescent="0.2">
      <c r="A21" s="16" t="s">
        <v>25</v>
      </c>
      <c r="B21" s="17">
        <v>38.590000000000003</v>
      </c>
      <c r="C21" s="17">
        <v>35.72</v>
      </c>
      <c r="D21" s="17">
        <v>29.33</v>
      </c>
      <c r="E21" s="17">
        <v>23.06</v>
      </c>
      <c r="F21" s="17">
        <v>22.51</v>
      </c>
      <c r="G21" s="17">
        <v>22.33</v>
      </c>
    </row>
    <row r="23" spans="1:7" x14ac:dyDescent="0.2">
      <c r="B23" s="11"/>
      <c r="C23" s="11"/>
      <c r="D23" s="11"/>
      <c r="E23" s="11"/>
      <c r="F23" s="11"/>
      <c r="G23" s="11"/>
    </row>
  </sheetData>
  <pageMargins left="0.7" right="0.7" top="0.75" bottom="0.75" header="0.3" footer="0.3"/>
  <pageSetup paperSize="9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EF4E8FC-D364-4765-899D-812B5219DD4C}">
  <dimension ref="A1:B43"/>
  <sheetViews>
    <sheetView showGridLines="0" workbookViewId="0"/>
  </sheetViews>
  <sheetFormatPr defaultRowHeight="12.75" x14ac:dyDescent="0.2"/>
  <cols>
    <col min="1" max="1" width="26" bestFit="1" customWidth="1"/>
    <col min="2" max="2" width="20.7109375" customWidth="1"/>
  </cols>
  <sheetData>
    <row r="1" spans="1:2" ht="15.75" x14ac:dyDescent="0.25">
      <c r="A1" s="1" t="s">
        <v>26</v>
      </c>
      <c r="B1" s="2"/>
    </row>
    <row r="3" spans="1:2" ht="25.5" x14ac:dyDescent="0.2">
      <c r="A3" s="18" t="s">
        <v>27</v>
      </c>
      <c r="B3" s="19" t="s">
        <v>28</v>
      </c>
    </row>
    <row r="4" spans="1:2" x14ac:dyDescent="0.2">
      <c r="A4" s="20" t="s">
        <v>29</v>
      </c>
      <c r="B4" s="21">
        <v>0.09</v>
      </c>
    </row>
    <row r="5" spans="1:2" x14ac:dyDescent="0.2">
      <c r="A5" s="20" t="s">
        <v>30</v>
      </c>
      <c r="B5" s="21">
        <v>0.125</v>
      </c>
    </row>
    <row r="6" spans="1:2" x14ac:dyDescent="0.2">
      <c r="A6" s="20" t="s">
        <v>31</v>
      </c>
      <c r="B6" s="21">
        <v>0.15</v>
      </c>
    </row>
    <row r="7" spans="1:2" x14ac:dyDescent="0.2">
      <c r="A7" s="20" t="s">
        <v>32</v>
      </c>
      <c r="B7" s="21">
        <v>0.19</v>
      </c>
    </row>
    <row r="8" spans="1:2" x14ac:dyDescent="0.2">
      <c r="A8" s="20" t="s">
        <v>33</v>
      </c>
      <c r="B8" s="21">
        <v>0.19600000000000001</v>
      </c>
    </row>
    <row r="9" spans="1:2" x14ac:dyDescent="0.2">
      <c r="A9" s="20" t="s">
        <v>34</v>
      </c>
      <c r="B9" s="21">
        <v>0.2</v>
      </c>
    </row>
    <row r="10" spans="1:2" x14ac:dyDescent="0.2">
      <c r="A10" s="20" t="s">
        <v>35</v>
      </c>
      <c r="B10" s="21">
        <v>0.2</v>
      </c>
    </row>
    <row r="11" spans="1:2" x14ac:dyDescent="0.2">
      <c r="A11" s="20" t="s">
        <v>36</v>
      </c>
      <c r="B11" s="21">
        <v>0.2</v>
      </c>
    </row>
    <row r="12" spans="1:2" x14ac:dyDescent="0.2">
      <c r="A12" s="20" t="s">
        <v>37</v>
      </c>
      <c r="B12" s="21">
        <v>0.2</v>
      </c>
    </row>
    <row r="13" spans="1:2" x14ac:dyDescent="0.2">
      <c r="A13" s="20" t="s">
        <v>38</v>
      </c>
      <c r="B13" s="21">
        <v>0.20599999999999999</v>
      </c>
    </row>
    <row r="14" spans="1:2" x14ac:dyDescent="0.2">
      <c r="A14" s="20" t="s">
        <v>39</v>
      </c>
      <c r="B14" s="21">
        <v>0.21</v>
      </c>
    </row>
    <row r="15" spans="1:2" x14ac:dyDescent="0.2">
      <c r="A15" s="20" t="s">
        <v>40</v>
      </c>
      <c r="B15" s="21">
        <v>0.21</v>
      </c>
    </row>
    <row r="16" spans="1:2" x14ac:dyDescent="0.2">
      <c r="A16" s="20" t="s">
        <v>41</v>
      </c>
      <c r="B16" s="21">
        <v>0.21</v>
      </c>
    </row>
    <row r="17" spans="1:2" x14ac:dyDescent="0.2">
      <c r="A17" s="20" t="s">
        <v>42</v>
      </c>
      <c r="B17" s="21">
        <v>0.22</v>
      </c>
    </row>
    <row r="18" spans="1:2" x14ac:dyDescent="0.2">
      <c r="A18" s="20" t="s">
        <v>43</v>
      </c>
      <c r="B18" s="21">
        <v>0.22</v>
      </c>
    </row>
    <row r="19" spans="1:2" x14ac:dyDescent="0.2">
      <c r="A19" s="20" t="s">
        <v>44</v>
      </c>
      <c r="B19" s="21">
        <v>0.22</v>
      </c>
    </row>
    <row r="20" spans="1:2" x14ac:dyDescent="0.2">
      <c r="A20" s="20" t="s">
        <v>45</v>
      </c>
      <c r="B20" s="21">
        <v>0.22</v>
      </c>
    </row>
    <row r="21" spans="1:2" x14ac:dyDescent="0.2">
      <c r="A21" s="20" t="s">
        <v>46</v>
      </c>
      <c r="B21" s="21">
        <v>0.23</v>
      </c>
    </row>
    <row r="22" spans="1:2" x14ac:dyDescent="0.2">
      <c r="A22" s="20" t="s">
        <v>47</v>
      </c>
      <c r="B22" s="21">
        <v>0.23</v>
      </c>
    </row>
    <row r="23" spans="1:2" x14ac:dyDescent="0.2">
      <c r="A23" s="20" t="s">
        <v>48</v>
      </c>
      <c r="B23" s="21">
        <v>0.23749999999999999</v>
      </c>
    </row>
    <row r="24" spans="1:2" x14ac:dyDescent="0.2">
      <c r="A24" s="20" t="s">
        <v>49</v>
      </c>
      <c r="B24" s="21">
        <v>0.249</v>
      </c>
    </row>
    <row r="25" spans="1:2" x14ac:dyDescent="0.2">
      <c r="A25" s="20" t="s">
        <v>50</v>
      </c>
      <c r="B25" s="21">
        <v>0.25</v>
      </c>
    </row>
    <row r="26" spans="1:2" x14ac:dyDescent="0.2">
      <c r="A26" s="20" t="s">
        <v>51</v>
      </c>
      <c r="B26" s="21">
        <v>0.25</v>
      </c>
    </row>
    <row r="27" spans="1:2" x14ac:dyDescent="0.2">
      <c r="A27" s="22" t="s">
        <v>52</v>
      </c>
      <c r="B27" s="21">
        <v>0.25</v>
      </c>
    </row>
    <row r="28" spans="1:2" x14ac:dyDescent="0.2">
      <c r="A28" s="20" t="s">
        <v>53</v>
      </c>
      <c r="B28" s="21">
        <v>0.25</v>
      </c>
    </row>
    <row r="29" spans="1:2" x14ac:dyDescent="0.2">
      <c r="A29" s="20" t="s">
        <v>54</v>
      </c>
      <c r="B29" s="21">
        <v>0.25600000000000001</v>
      </c>
    </row>
    <row r="30" spans="1:2" x14ac:dyDescent="0.2">
      <c r="A30" s="20" t="s">
        <v>55</v>
      </c>
      <c r="B30" s="21">
        <v>0.25800000000000001</v>
      </c>
    </row>
    <row r="31" spans="1:2" x14ac:dyDescent="0.2">
      <c r="A31" s="20" t="s">
        <v>56</v>
      </c>
      <c r="B31" s="21">
        <v>0.25800000000000001</v>
      </c>
    </row>
    <row r="32" spans="1:2" x14ac:dyDescent="0.2">
      <c r="A32" s="20" t="s">
        <v>57</v>
      </c>
      <c r="B32" s="21">
        <v>0.26100000000000001</v>
      </c>
    </row>
    <row r="33" spans="1:2" x14ac:dyDescent="0.2">
      <c r="A33" s="22" t="s">
        <v>58</v>
      </c>
      <c r="B33" s="21">
        <v>0.26400000000000001</v>
      </c>
    </row>
    <row r="34" spans="1:2" x14ac:dyDescent="0.2">
      <c r="A34" s="20" t="s">
        <v>59</v>
      </c>
      <c r="B34" s="21">
        <v>0.27</v>
      </c>
    </row>
    <row r="35" spans="1:2" x14ac:dyDescent="0.2">
      <c r="A35" s="20" t="s">
        <v>60</v>
      </c>
      <c r="B35" s="21">
        <v>0.27800000000000002</v>
      </c>
    </row>
    <row r="36" spans="1:2" x14ac:dyDescent="0.2">
      <c r="A36" s="20" t="s">
        <v>61</v>
      </c>
      <c r="B36" s="21">
        <v>0.28000000000000003</v>
      </c>
    </row>
    <row r="37" spans="1:2" x14ac:dyDescent="0.2">
      <c r="A37" s="20" t="s">
        <v>62</v>
      </c>
      <c r="B37" s="21">
        <v>0.29699999999999999</v>
      </c>
    </row>
    <row r="38" spans="1:2" x14ac:dyDescent="0.2">
      <c r="A38" s="20" t="s">
        <v>63</v>
      </c>
      <c r="B38" s="21">
        <v>0.29899999999999999</v>
      </c>
    </row>
    <row r="39" spans="1:2" x14ac:dyDescent="0.2">
      <c r="A39" s="20" t="s">
        <v>64</v>
      </c>
      <c r="B39" s="21">
        <v>0.3</v>
      </c>
    </row>
    <row r="40" spans="1:2" x14ac:dyDescent="0.2">
      <c r="A40" s="20" t="s">
        <v>65</v>
      </c>
      <c r="B40" s="21">
        <v>0.3</v>
      </c>
    </row>
    <row r="41" spans="1:2" x14ac:dyDescent="0.2">
      <c r="A41" s="20" t="s">
        <v>66</v>
      </c>
      <c r="B41" s="21">
        <v>0.3</v>
      </c>
    </row>
    <row r="42" spans="1:2" x14ac:dyDescent="0.2">
      <c r="A42" s="20" t="s">
        <v>67</v>
      </c>
      <c r="B42" s="21">
        <v>0.315</v>
      </c>
    </row>
    <row r="43" spans="1:2" x14ac:dyDescent="0.2">
      <c r="A43" s="20" t="s">
        <v>68</v>
      </c>
      <c r="B43" s="21">
        <v>0.35</v>
      </c>
    </row>
  </sheetData>
  <pageMargins left="0.7" right="0.7" top="0.75" bottom="0.75" header="0.3" footer="0.3"/>
  <pageSetup paperSize="9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C5E5E44-1A0E-427A-8CE6-7DE444F29DD4}">
  <dimension ref="A1:H6"/>
  <sheetViews>
    <sheetView showGridLines="0" workbookViewId="0"/>
  </sheetViews>
  <sheetFormatPr defaultColWidth="14.5703125" defaultRowHeight="12.75" x14ac:dyDescent="0.2"/>
  <cols>
    <col min="1" max="1" width="14.7109375" bestFit="1" customWidth="1"/>
    <col min="2" max="2" width="35.140625" customWidth="1"/>
  </cols>
  <sheetData>
    <row r="1" spans="1:8" ht="15.75" x14ac:dyDescent="0.25">
      <c r="A1" s="1" t="s">
        <v>69</v>
      </c>
      <c r="B1" s="2"/>
    </row>
    <row r="3" spans="1:8" ht="14.25" x14ac:dyDescent="0.2">
      <c r="A3" s="4" t="s">
        <v>70</v>
      </c>
      <c r="B3" s="4" t="s">
        <v>71</v>
      </c>
      <c r="C3" s="6"/>
      <c r="D3" s="6"/>
      <c r="E3" s="6"/>
      <c r="F3" s="6"/>
      <c r="H3" s="6"/>
    </row>
    <row r="4" spans="1:8" ht="14.25" x14ac:dyDescent="0.2">
      <c r="A4" s="7" t="s">
        <v>72</v>
      </c>
      <c r="B4" s="23">
        <v>1.2999999999999999E-2</v>
      </c>
      <c r="C4" s="24"/>
      <c r="D4" s="24"/>
      <c r="E4" s="6"/>
      <c r="F4" s="6"/>
      <c r="H4" s="25"/>
    </row>
    <row r="5" spans="1:8" ht="14.25" x14ac:dyDescent="0.2">
      <c r="A5" s="7" t="s">
        <v>73</v>
      </c>
      <c r="B5" s="23">
        <v>0.16</v>
      </c>
      <c r="C5" s="24"/>
      <c r="D5" s="24"/>
      <c r="E5" s="6"/>
      <c r="F5" s="6"/>
      <c r="H5" s="25"/>
    </row>
    <row r="6" spans="1:8" ht="14.25" x14ac:dyDescent="0.2">
      <c r="A6" s="7" t="s">
        <v>74</v>
      </c>
      <c r="B6" s="23">
        <v>0.82699999999999996</v>
      </c>
      <c r="C6" s="24"/>
      <c r="D6" s="24"/>
      <c r="E6" s="6"/>
      <c r="F6" s="6"/>
      <c r="H6" s="25"/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799e522c-5b1f-4f01-8a66-07ee5157ad9d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799e522c-5b1f-4f01-8a66-07ee5157ad9d">
      <Value>2</Value>
    </TaxCatchAll>
  </documentManagement>
</p:properties>
</file>

<file path=customXml/item3.xml><?xml version="1.0" encoding="utf-8"?>
<TemplafyTemplateConfiguration><![CDATA[{"transformationConfigurations":[],"templateName":"Supporting chart data workbook","templateDescription":"Use for data you plan to publish on the website. Includes 'about' and 'contents' tabs.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E91143F2B2AAA43B4ED5D06D8E163F6" ma:contentTypeVersion="11" ma:contentTypeDescription="Create a new document." ma:contentTypeScope="" ma:versionID="285aa6aefabcb1f15fd7ac2cbe3ce0e7">
  <xsd:schema xmlns:xsd="http://www.w3.org/2001/XMLSchema" xmlns:xs="http://www.w3.org/2001/XMLSchema" xmlns:p="http://schemas.microsoft.com/office/2006/metadata/properties" xmlns:ns2="9818a5f2-5483-412d-8678-057ddb6fc845" xmlns:ns3="799e522c-5b1f-4f01-8a66-07ee5157ad9d" targetNamespace="http://schemas.microsoft.com/office/2006/metadata/properties" ma:root="true" ma:fieldsID="82b1aaf4007887ff92818f44dc2a9dc2" ns2:_="" ns3:_="">
    <xsd:import namespace="9818a5f2-5483-412d-8678-057ddb6fc845"/>
    <xsd:import namespace="799e522c-5b1f-4f01-8a66-07ee5157ad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3:i0f84bba906045b4af568ee102a52dcb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18a5f2-5483-412d-8678-057ddb6fc84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99e522c-5b1f-4f01-8a66-07ee5157ad9d" elementFormDefault="qualified">
    <xsd:import namespace="http://schemas.microsoft.com/office/2006/documentManagement/types"/>
    <xsd:import namespace="http://schemas.microsoft.com/office/infopath/2007/PartnerControls"/>
    <xsd:element name="i0f84bba906045b4af568ee102a52dcb" ma:index="13" nillable="true" ma:taxonomy="true" ma:internalName="i0f84bba906045b4af568ee102a52dcb" ma:taxonomyFieldName="RevIMBCS" ma:displayName="Record" ma:indexed="true" ma:default="2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4" nillable="true" ma:displayName="Taxonomy Catch All Column" ma:hidden="true" ma:list="{805381d3-27c1-409b-92f1-6b15b0680425}" ma:internalName="TaxCatchAll" ma:showField="CatchAllData" ma:web="799e522c-5b1f-4f01-8a66-07ee5157ad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58F1DBD-F471-494B-B998-F5C80852FBDA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B3728547-958E-4FA2-B20E-7904A68EC892}">
  <ds:schemaRefs>
    <ds:schemaRef ds:uri="http://purl.org/dc/terms/"/>
    <ds:schemaRef ds:uri="http://schemas.openxmlformats.org/package/2006/metadata/core-properties"/>
    <ds:schemaRef ds:uri="http://www.w3.org/XML/1998/namespace"/>
    <ds:schemaRef ds:uri="799e522c-5b1f-4f01-8a66-07ee5157ad9d"/>
    <ds:schemaRef ds:uri="http://schemas.microsoft.com/office/2006/documentManagement/types"/>
    <ds:schemaRef ds:uri="http://purl.org/dc/dcmitype/"/>
    <ds:schemaRef ds:uri="http://purl.org/dc/elements/1.1/"/>
    <ds:schemaRef ds:uri="http://schemas.microsoft.com/office/infopath/2007/PartnerControls"/>
    <ds:schemaRef ds:uri="9818a5f2-5483-412d-8678-057ddb6fc845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58D938DD-EC6F-4D42-AA4F-4A0F2A288CFB}">
  <ds:schemaRefs/>
</ds:datastoreItem>
</file>

<file path=customXml/itemProps4.xml><?xml version="1.0" encoding="utf-8"?>
<ds:datastoreItem xmlns:ds="http://schemas.openxmlformats.org/officeDocument/2006/customXml" ds:itemID="{E1EFC478-5E73-45FD-BFC4-BC55619BF7EA}">
  <ds:schemaRefs/>
</ds:datastoreItem>
</file>

<file path=customXml/itemProps5.xml><?xml version="1.0" encoding="utf-8"?>
<ds:datastoreItem xmlns:ds="http://schemas.openxmlformats.org/officeDocument/2006/customXml" ds:itemID="{479A9734-862A-4D09-BF50-8845E2AB9A1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818a5f2-5483-412d-8678-057ddb6fc845"/>
    <ds:schemaRef ds:uri="799e522c-5b1f-4f01-8a66-07ee5157ad9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7</vt:i4>
      </vt:variant>
    </vt:vector>
  </HeadingPairs>
  <TitlesOfParts>
    <vt:vector size="7" baseType="lpstr">
      <vt:lpstr>About</vt:lpstr>
      <vt:lpstr>Contents</vt:lpstr>
      <vt:lpstr>Figure 1.1 (left panel)</vt:lpstr>
      <vt:lpstr>Figure 1.1 (right panel)</vt:lpstr>
      <vt:lpstr>Figure 1.2</vt:lpstr>
      <vt:lpstr>Figure 1.4</vt:lpstr>
      <vt:lpstr>Figure B.1</vt:lpstr>
    </vt:vector>
  </TitlesOfParts>
  <Manager/>
  <Company>Productivity Commission</Company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hart data - Interim report - Creating a more dynamic and resilient economy</dc:title>
  <dc:subject/>
  <dc:creator>Productivity Commission</dc:creator>
  <cp:keywords/>
  <dc:description/>
  <cp:lastModifiedBy>Chris Alston</cp:lastModifiedBy>
  <cp:revision/>
  <dcterms:created xsi:type="dcterms:W3CDTF">2025-07-28T05:09:54Z</dcterms:created>
  <dcterms:modified xsi:type="dcterms:W3CDTF">2025-07-30T04:51:5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54725005441542</vt:lpwstr>
  </property>
  <property fmtid="{D5CDD505-2E9C-101B-9397-08002B2CF9AE}" pid="4" name="TemplafyUserProfileId">
    <vt:lpwstr>637803902465008559</vt:lpwstr>
  </property>
  <property fmtid="{D5CDD505-2E9C-101B-9397-08002B2CF9AE}" pid="5" name="TemplafyFromBlank">
    <vt:bool>false</vt:bool>
  </property>
  <property fmtid="{D5CDD505-2E9C-101B-9397-08002B2CF9AE}" pid="6" name="ContentTypeId">
    <vt:lpwstr>0x0101004E91143F2B2AAA43B4ED5D06D8E163F6</vt:lpwstr>
  </property>
  <property fmtid="{D5CDD505-2E9C-101B-9397-08002B2CF9AE}" pid="7" name="RevIMBCS">
    <vt:lpwstr>2;#Unclassified|3955eeb1-2d18-4582-aeb2-00144ec3aaf5</vt:lpwstr>
  </property>
  <property fmtid="{D5CDD505-2E9C-101B-9397-08002B2CF9AE}" pid="8" name="MSIP_Label_c1f2b1ce-4212-46db-a901-dd8453f57141_Enabled">
    <vt:lpwstr>true</vt:lpwstr>
  </property>
  <property fmtid="{D5CDD505-2E9C-101B-9397-08002B2CF9AE}" pid="9" name="MSIP_Label_c1f2b1ce-4212-46db-a901-dd8453f57141_SetDate">
    <vt:lpwstr>2025-07-30T04:51:44Z</vt:lpwstr>
  </property>
  <property fmtid="{D5CDD505-2E9C-101B-9397-08002B2CF9AE}" pid="10" name="MSIP_Label_c1f2b1ce-4212-46db-a901-dd8453f57141_Method">
    <vt:lpwstr>Privileged</vt:lpwstr>
  </property>
  <property fmtid="{D5CDD505-2E9C-101B-9397-08002B2CF9AE}" pid="11" name="MSIP_Label_c1f2b1ce-4212-46db-a901-dd8453f57141_Name">
    <vt:lpwstr>Publish</vt:lpwstr>
  </property>
  <property fmtid="{D5CDD505-2E9C-101B-9397-08002B2CF9AE}" pid="12" name="MSIP_Label_c1f2b1ce-4212-46db-a901-dd8453f57141_SiteId">
    <vt:lpwstr>29f9330b-c0fe-4244-830e-ba9f275d6c34</vt:lpwstr>
  </property>
  <property fmtid="{D5CDD505-2E9C-101B-9397-08002B2CF9AE}" pid="13" name="MSIP_Label_c1f2b1ce-4212-46db-a901-dd8453f57141_ActionId">
    <vt:lpwstr>4b8f5995-79e6-41e2-b3d4-bae64ea20d5b</vt:lpwstr>
  </property>
  <property fmtid="{D5CDD505-2E9C-101B-9397-08002B2CF9AE}" pid="14" name="MSIP_Label_c1f2b1ce-4212-46db-a901-dd8453f57141_ContentBits">
    <vt:lpwstr>0</vt:lpwstr>
  </property>
  <property fmtid="{D5CDD505-2E9C-101B-9397-08002B2CF9AE}" pid="15" name="MSIP_Label_c1f2b1ce-4212-46db-a901-dd8453f57141_Tag">
    <vt:lpwstr>10, 0, 1, 1</vt:lpwstr>
  </property>
</Properties>
</file>